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tomoch\Desktop\HPバックアップ\schedule\s2017\"/>
    </mc:Choice>
  </mc:AlternateContent>
  <bookViews>
    <workbookView xWindow="0" yWindow="0" windowWidth="14292" windowHeight="5592" firstSheet="2" activeTab="4"/>
  </bookViews>
  <sheets>
    <sheet name="100m" sheetId="37" r:id="rId1"/>
    <sheet name="200m" sheetId="2" r:id="rId2"/>
    <sheet name="400m " sheetId="3" r:id="rId3"/>
    <sheet name="800m " sheetId="4" r:id="rId4"/>
    <sheet name="1500ｍ" sheetId="5" r:id="rId5"/>
    <sheet name="5000m" sheetId="6" r:id="rId6"/>
    <sheet name="110mH" sheetId="39" r:id="rId7"/>
    <sheet name="400mH " sheetId="9" r:id="rId8"/>
    <sheet name="4x100m " sheetId="11" r:id="rId9"/>
    <sheet name="4x400m " sheetId="12" r:id="rId10"/>
    <sheet name="走高跳 " sheetId="34" r:id="rId11"/>
    <sheet name="走幅跳" sheetId="40" r:id="rId12"/>
    <sheet name="砲丸投 " sheetId="35" r:id="rId13"/>
  </sheets>
  <externalReferences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</externalReferences>
  <definedNames>
    <definedName name="gakunenn" localSheetId="0">[1]リスト!$C$2:$C$7</definedName>
    <definedName name="gakunenn" localSheetId="1">[1]リスト!$C$2:$C$7</definedName>
    <definedName name="gakunenn" localSheetId="2">[1]リスト!$C$2:$C$7</definedName>
    <definedName name="gakunenn">[1]リスト!$C$2:$C$7</definedName>
    <definedName name="_xlnm.Print_Area" localSheetId="0">'100m'!$B$1:$S$54</definedName>
    <definedName name="_xlnm.Print_Area" localSheetId="6">'110mH'!$B$1:$S$18</definedName>
    <definedName name="_xlnm.Print_Area" localSheetId="4">'1500ｍ'!$B$1:$S$40</definedName>
    <definedName name="_xlnm.Print_Area" localSheetId="1">'200m'!$B$1:$S$40</definedName>
    <definedName name="_xlnm.Print_Area" localSheetId="2">'400m '!$B$1:$Q$33</definedName>
    <definedName name="_xlnm.Print_Area" localSheetId="7">'400mH '!$B$1:$S$28</definedName>
    <definedName name="_xlnm.Print_Area" localSheetId="8">'4x100m '!$B$2:$L$34</definedName>
    <definedName name="_xlnm.Print_Area" localSheetId="9">'4x400m '!$B$1:$L$91</definedName>
    <definedName name="_xlnm.Print_Area" localSheetId="5">'5000m'!$B$1:$S$33</definedName>
    <definedName name="_xlnm.Print_Area" localSheetId="3">'800m '!$B$1:$S$57</definedName>
    <definedName name="_xlnm.Print_Area" localSheetId="10">'走高跳 '!$A$1:$R$30</definedName>
    <definedName name="_xlnm.Print_Area" localSheetId="11">走幅跳!$A$1:$R$38</definedName>
    <definedName name="_xlnm.Print_Area" localSheetId="12">'砲丸投 '!$A$1:$Q$39</definedName>
    <definedName name="学年" localSheetId="4">[2]リスト!$C$2:$C$7</definedName>
    <definedName name="学年" localSheetId="9">[3]リスト!$C$2:$C$7</definedName>
    <definedName name="学年" localSheetId="3">[4]リスト!$C$2:$C$7</definedName>
    <definedName name="学年" localSheetId="10">[5]リスト!$C$2:$C$7</definedName>
    <definedName name="学年" localSheetId="11">[5]リスト!$C$2:$C$7</definedName>
    <definedName name="学年">[6]リスト!$C$2:$C$7</definedName>
    <definedName name="登記陸協" localSheetId="4">[7]リスト!$E$1:$E$48</definedName>
    <definedName name="登記陸協" localSheetId="8">[8]リスト!$E$1:$E$48</definedName>
    <definedName name="登記陸協" localSheetId="9">#REF!</definedName>
    <definedName name="登記陸協" localSheetId="10">[9]リスト!$E$1:$E$48</definedName>
    <definedName name="登記陸協" localSheetId="11">[9]リスト!$E$1:$E$48</definedName>
    <definedName name="登記陸協">[8]リスト!$E$1:$E$48</definedName>
  </definedNames>
  <calcPr calcId="152511"/>
</workbook>
</file>

<file path=xl/sharedStrings.xml><?xml version="1.0" encoding="utf-8"?>
<sst xmlns="http://schemas.openxmlformats.org/spreadsheetml/2006/main" count="2230" uniqueCount="562">
  <si>
    <t>日本学生記録</t>
  </si>
  <si>
    <t>ﾚｰﾝ</t>
  </si>
  <si>
    <t>ﾅﾝﾊﾞｰ</t>
  </si>
  <si>
    <t>氏名</t>
  </si>
  <si>
    <t>所属</t>
  </si>
  <si>
    <t>順位</t>
  </si>
  <si>
    <t>記録</t>
  </si>
  <si>
    <t>1</t>
  </si>
  <si>
    <t>(</t>
  </si>
  <si>
    <t>)</t>
  </si>
  <si>
    <t>.</t>
  </si>
  <si>
    <t>2</t>
  </si>
  <si>
    <t>3</t>
  </si>
  <si>
    <t>4</t>
  </si>
  <si>
    <t>5</t>
  </si>
  <si>
    <t>6</t>
  </si>
  <si>
    <t>7</t>
  </si>
  <si>
    <t>8</t>
  </si>
  <si>
    <t>200m</t>
  </si>
  <si>
    <t>400m</t>
  </si>
  <si>
    <t>OB・OPの部 1組</t>
  </si>
  <si>
    <t>800m</t>
  </si>
  <si>
    <t>1500m</t>
  </si>
  <si>
    <t>5000m</t>
  </si>
  <si>
    <t>日本学生記録  13.19.00  竹澤　健介（早　大）2007</t>
  </si>
  <si>
    <t>400mH</t>
  </si>
  <si>
    <t>47.89  為末　大（法　大）2001　</t>
  </si>
  <si>
    <t>2ﾚｰﾝ</t>
  </si>
  <si>
    <t>3ﾚｰﾝ</t>
  </si>
  <si>
    <t>4ﾚｰﾝ</t>
  </si>
  <si>
    <t>5ﾚｰﾝ</t>
  </si>
  <si>
    <t>6ﾚｰﾝ</t>
  </si>
  <si>
    <t>7ﾚｰﾝ</t>
  </si>
  <si>
    <t>8ﾚｰﾝ</t>
  </si>
  <si>
    <t>大学名</t>
  </si>
  <si>
    <t>4×400m</t>
  </si>
  <si>
    <t>走高跳</t>
  </si>
  <si>
    <t>試順</t>
  </si>
  <si>
    <t>参考</t>
  </si>
  <si>
    <t>（</t>
  </si>
  <si>
    <t>・</t>
  </si>
  <si>
    <t>）</t>
  </si>
  <si>
    <t>ＯＰの部</t>
  </si>
  <si>
    <r>
      <t xml:space="preserve">日本学生記録 </t>
    </r>
    <r>
      <rPr>
        <sz val="11"/>
        <color indexed="8"/>
        <rFont val="ＭＳ Ｐゴシック"/>
        <family val="3"/>
        <charset val="128"/>
      </rPr>
      <t xml:space="preserve"> </t>
    </r>
  </si>
  <si>
    <t>3回の</t>
  </si>
  <si>
    <t>最高</t>
  </si>
  <si>
    <t>砲丸投</t>
  </si>
  <si>
    <t>・</t>
    <phoneticPr fontId="33"/>
  </si>
  <si>
    <t>3組</t>
    <phoneticPr fontId="33"/>
  </si>
  <si>
    <t>4×100m</t>
    <phoneticPr fontId="33"/>
  </si>
  <si>
    <t>対校の部</t>
    <rPh sb="0" eb="2">
      <t>タイコウ</t>
    </rPh>
    <phoneticPr fontId="33"/>
  </si>
  <si>
    <t>(</t>
    <phoneticPr fontId="33"/>
  </si>
  <si>
    <t>)</t>
    <phoneticPr fontId="33"/>
  </si>
  <si>
    <t>対校の部</t>
    <rPh sb="0" eb="2">
      <t>タイコウ</t>
    </rPh>
    <rPh sb="3" eb="4">
      <t>ブ</t>
    </rPh>
    <phoneticPr fontId="33"/>
  </si>
  <si>
    <t>対校の部　</t>
    <phoneticPr fontId="33"/>
  </si>
  <si>
    <t>20.21</t>
    <phoneticPr fontId="33"/>
  </si>
  <si>
    <t>飯塚　翔太(中央大学)2013</t>
    <rPh sb="0" eb="2">
      <t>イイヅカ</t>
    </rPh>
    <rPh sb="3" eb="5">
      <t>ショウタ</t>
    </rPh>
    <rPh sb="6" eb="8">
      <t>チュウオウ</t>
    </rPh>
    <rPh sb="8" eb="10">
      <t>ダイガク</t>
    </rPh>
    <phoneticPr fontId="33"/>
  </si>
  <si>
    <t>1</t>
    <phoneticPr fontId="33"/>
  </si>
  <si>
    <t>2組</t>
    <phoneticPr fontId="33"/>
  </si>
  <si>
    <t>対校の部</t>
    <phoneticPr fontId="33"/>
  </si>
  <si>
    <t>学年</t>
    <rPh sb="0" eb="2">
      <t>ガクネン</t>
    </rPh>
    <phoneticPr fontId="33"/>
  </si>
  <si>
    <t>所属</t>
    <rPh sb="0" eb="2">
      <t>ショゾク</t>
    </rPh>
    <phoneticPr fontId="33"/>
  </si>
  <si>
    <t>OB・OPの部　</t>
    <phoneticPr fontId="33"/>
  </si>
  <si>
    <t>OB・OPの部</t>
    <phoneticPr fontId="33"/>
  </si>
  <si>
    <t>1組</t>
    <phoneticPr fontId="33"/>
  </si>
  <si>
    <t>2組</t>
    <phoneticPr fontId="33"/>
  </si>
  <si>
    <t>OB・OPの部 1組</t>
    <phoneticPr fontId="33"/>
  </si>
  <si>
    <t>OB・OPの部 1組</t>
    <rPh sb="9" eb="10">
      <t>クミ</t>
    </rPh>
    <phoneticPr fontId="33"/>
  </si>
  <si>
    <t>対校の部とＯＰの部は同時スタートとする。</t>
    <phoneticPr fontId="33"/>
  </si>
  <si>
    <t>大会記録</t>
  </si>
  <si>
    <t>大会記録</t>
    <rPh sb="0" eb="2">
      <t>タイカイ</t>
    </rPh>
    <rPh sb="2" eb="4">
      <t>キロク</t>
    </rPh>
    <phoneticPr fontId="33"/>
  </si>
  <si>
    <t xml:space="preserve">45.03 </t>
    <phoneticPr fontId="33"/>
  </si>
  <si>
    <t xml:space="preserve">山村　貴彦(日大)2000   </t>
  </si>
  <si>
    <t>48.9</t>
    <phoneticPr fontId="33"/>
  </si>
  <si>
    <t>瀬戸　雅樹(東工大)1991</t>
    <rPh sb="0" eb="2">
      <t>セト</t>
    </rPh>
    <rPh sb="3" eb="5">
      <t>マサキ</t>
    </rPh>
    <rPh sb="6" eb="9">
      <t>トウコウダイ</t>
    </rPh>
    <phoneticPr fontId="33"/>
  </si>
  <si>
    <t>対校の部とＯＰの部は同時スタートとする。</t>
    <rPh sb="10" eb="12">
      <t>ドウジ</t>
    </rPh>
    <phoneticPr fontId="33"/>
  </si>
  <si>
    <t>54.4　 若月　崇 (東工大) 1995</t>
    <rPh sb="6" eb="8">
      <t>ワカツキ</t>
    </rPh>
    <rPh sb="9" eb="10">
      <t>アガ</t>
    </rPh>
    <rPh sb="12" eb="15">
      <t>トウコウダイ</t>
    </rPh>
    <phoneticPr fontId="33"/>
  </si>
  <si>
    <t>　日本学生記録  3.03.71  日　大(小林･向井･中川･山村)2000</t>
    <phoneticPr fontId="33"/>
  </si>
  <si>
    <t>　　2.32  君野　貴弘(順　大)1993</t>
    <phoneticPr fontId="33"/>
  </si>
  <si>
    <t>　　8.25  森長　正樹(日　大)1992</t>
    <phoneticPr fontId="33"/>
  </si>
  <si>
    <t>　　6.82　大槻　信行(東工大)1993</t>
    <rPh sb="7" eb="9">
      <t>オオツキ</t>
    </rPh>
    <rPh sb="10" eb="12">
      <t>ノブユキ</t>
    </rPh>
    <rPh sb="13" eb="16">
      <t>トウコウダイ</t>
    </rPh>
    <phoneticPr fontId="33"/>
  </si>
  <si>
    <t>　　18.64  山田　壮太郎(法　大)2009</t>
    <phoneticPr fontId="33"/>
  </si>
  <si>
    <t>　　11.64　井上　俊彦  (東工大)1990</t>
    <rPh sb="8" eb="10">
      <t>イノウエ</t>
    </rPh>
    <rPh sb="11" eb="13">
      <t>トシヒコ</t>
    </rPh>
    <rPh sb="16" eb="19">
      <t>トウコウダイ</t>
    </rPh>
    <phoneticPr fontId="33"/>
  </si>
  <si>
    <t>100m</t>
    <phoneticPr fontId="33"/>
  </si>
  <si>
    <t>)</t>
    <phoneticPr fontId="33"/>
  </si>
  <si>
    <t>110mH</t>
    <phoneticPr fontId="33"/>
  </si>
  <si>
    <t>走幅跳</t>
    <rPh sb="1" eb="2">
      <t>ハバ</t>
    </rPh>
    <phoneticPr fontId="33"/>
  </si>
  <si>
    <t>（</t>
    <phoneticPr fontId="33"/>
  </si>
  <si>
    <t>）</t>
    <phoneticPr fontId="33"/>
  </si>
  <si>
    <t>(</t>
    <phoneticPr fontId="33"/>
  </si>
  <si>
    <t>1.58.6　 西園　亘祐(農工大)2014</t>
    <rPh sb="8" eb="10">
      <t>ニシゾノ</t>
    </rPh>
    <rPh sb="14" eb="17">
      <t>ノウコウダイ</t>
    </rPh>
    <phoneticPr fontId="33"/>
  </si>
  <si>
    <t>　　　　　　　　　　　</t>
    <phoneticPr fontId="33"/>
  </si>
  <si>
    <t>　　　大会記録</t>
    <rPh sb="3" eb="5">
      <t>タイカイ</t>
    </rPh>
    <rPh sb="5" eb="7">
      <t>キロク</t>
    </rPh>
    <phoneticPr fontId="33"/>
  </si>
  <si>
    <t>　　2.00　小林　祐巳(東工大)2015</t>
    <rPh sb="7" eb="9">
      <t>コバヤシ</t>
    </rPh>
    <rPh sb="10" eb="11">
      <t>ユウ</t>
    </rPh>
    <rPh sb="11" eb="12">
      <t>ミ</t>
    </rPh>
    <rPh sb="13" eb="16">
      <t>トウコウダイ</t>
    </rPh>
    <phoneticPr fontId="33"/>
  </si>
  <si>
    <t>ＯＰの部</t>
    <phoneticPr fontId="33"/>
  </si>
  <si>
    <t>ＯＰの部</t>
    <phoneticPr fontId="33"/>
  </si>
  <si>
    <t>1.45.75  川元　奨　(日本大)2014</t>
    <rPh sb="15" eb="17">
      <t>ニホン</t>
    </rPh>
    <phoneticPr fontId="33"/>
  </si>
  <si>
    <t>日本学生記録</t>
    <phoneticPr fontId="33"/>
  </si>
  <si>
    <t>13.50  内藤　真人(法　大)2001　</t>
    <phoneticPr fontId="33"/>
  </si>
  <si>
    <t>参考記録</t>
    <rPh sb="0" eb="2">
      <t>サンコウ</t>
    </rPh>
    <phoneticPr fontId="33"/>
  </si>
  <si>
    <t>参考記録</t>
    <phoneticPr fontId="33"/>
  </si>
  <si>
    <t>　大会記録　　14.47.6　松井　将器 (東工大)2014</t>
    <rPh sb="1" eb="3">
      <t>タイカイ</t>
    </rPh>
    <rPh sb="3" eb="5">
      <t>キロク</t>
    </rPh>
    <rPh sb="15" eb="17">
      <t>マツイ</t>
    </rPh>
    <rPh sb="18" eb="19">
      <t>マサル</t>
    </rPh>
    <rPh sb="19" eb="20">
      <t>ウツワ</t>
    </rPh>
    <rPh sb="22" eb="25">
      <t>トウコウダイ</t>
    </rPh>
    <phoneticPr fontId="33"/>
  </si>
  <si>
    <t>参考記録</t>
    <phoneticPr fontId="33"/>
  </si>
  <si>
    <t>大会記録</t>
    <rPh sb="0" eb="2">
      <t>タイカイ</t>
    </rPh>
    <rPh sb="2" eb="4">
      <t>キロク</t>
    </rPh>
    <phoneticPr fontId="33"/>
  </si>
  <si>
    <t>10.5</t>
    <phoneticPr fontId="33"/>
  </si>
  <si>
    <t>古木　大裕(農工大)2015</t>
    <phoneticPr fontId="33"/>
  </si>
  <si>
    <t>桐生　祥秀(東洋大)2016</t>
    <rPh sb="0" eb="2">
      <t>キリュウ</t>
    </rPh>
    <rPh sb="3" eb="4">
      <t>ショウ</t>
    </rPh>
    <rPh sb="4" eb="5">
      <t>ヒデ</t>
    </rPh>
    <rPh sb="6" eb="9">
      <t>トウヨウダイ</t>
    </rPh>
    <phoneticPr fontId="33"/>
  </si>
  <si>
    <t>10.01</t>
    <phoneticPr fontId="33"/>
  </si>
  <si>
    <t>日本学生記録  3.35.69　E･ ｵﾑﾜﾝﾊﾞ（山学大)2015</t>
  </si>
  <si>
    <t>　日本学生記録  38.54 中　大(畠山･川面･河合･飯塚)2010</t>
    <phoneticPr fontId="33"/>
  </si>
  <si>
    <t>　　大会記録　　41.5  東工大　(天野･西嶋･永井･永島)2016</t>
    <rPh sb="2" eb="4">
      <t>タイカイ</t>
    </rPh>
    <rPh sb="4" eb="6">
      <t>キロク</t>
    </rPh>
    <rPh sb="14" eb="17">
      <t>トウコウダイ</t>
    </rPh>
    <rPh sb="19" eb="21">
      <t>アマノ</t>
    </rPh>
    <rPh sb="22" eb="24">
      <t>ニシジマ</t>
    </rPh>
    <rPh sb="25" eb="27">
      <t>ナガイ</t>
    </rPh>
    <rPh sb="28" eb="30">
      <t>ナガシマ</t>
    </rPh>
    <phoneticPr fontId="33"/>
  </si>
  <si>
    <t>（</t>
    <phoneticPr fontId="33"/>
  </si>
  <si>
    <t>)</t>
    <phoneticPr fontId="33"/>
  </si>
  <si>
    <t>・</t>
    <phoneticPr fontId="33"/>
  </si>
  <si>
    <t>東工大</t>
    <rPh sb="0" eb="3">
      <t>トウコウダイ</t>
    </rPh>
    <phoneticPr fontId="33"/>
  </si>
  <si>
    <t>大野　哲</t>
    <rPh sb="0" eb="2">
      <t>オオノ</t>
    </rPh>
    <rPh sb="3" eb="4">
      <t>サトル</t>
    </rPh>
    <phoneticPr fontId="33"/>
  </si>
  <si>
    <t>農工大</t>
    <rPh sb="0" eb="3">
      <t>ノウコウダイ</t>
    </rPh>
    <phoneticPr fontId="33"/>
  </si>
  <si>
    <t>芝江　柾葵</t>
  </si>
  <si>
    <t>山口　誠司</t>
    <rPh sb="0" eb="2">
      <t>ヤマグチ</t>
    </rPh>
    <rPh sb="3" eb="5">
      <t>セイジ</t>
    </rPh>
    <phoneticPr fontId="33"/>
  </si>
  <si>
    <t>井上　暁人</t>
  </si>
  <si>
    <t>橋岡　大亮</t>
  </si>
  <si>
    <t>2.00.0</t>
    <phoneticPr fontId="33"/>
  </si>
  <si>
    <t>2.00.0</t>
    <phoneticPr fontId="33"/>
  </si>
  <si>
    <t>村松　甲斐</t>
    <rPh sb="0" eb="2">
      <t>ムラマツ</t>
    </rPh>
    <rPh sb="3" eb="5">
      <t>カイ</t>
    </rPh>
    <phoneticPr fontId="33"/>
  </si>
  <si>
    <t>2.10.0</t>
    <phoneticPr fontId="33"/>
  </si>
  <si>
    <t>佐々木　亮一</t>
  </si>
  <si>
    <t>2.04.9</t>
    <phoneticPr fontId="33"/>
  </si>
  <si>
    <t>吉田　啓一郎</t>
    <rPh sb="0" eb="2">
      <t>ヨシダ</t>
    </rPh>
    <rPh sb="3" eb="6">
      <t>ケイイチロウ</t>
    </rPh>
    <phoneticPr fontId="33"/>
  </si>
  <si>
    <t>2.05.0</t>
    <phoneticPr fontId="33"/>
  </si>
  <si>
    <t>的羽　泰世</t>
    <rPh sb="0" eb="1">
      <t>マト</t>
    </rPh>
    <rPh sb="1" eb="2">
      <t>ハネ</t>
    </rPh>
    <rPh sb="3" eb="4">
      <t>タイ</t>
    </rPh>
    <rPh sb="4" eb="5">
      <t>ヨ</t>
    </rPh>
    <phoneticPr fontId="33"/>
  </si>
  <si>
    <t>上田　菜々子</t>
    <phoneticPr fontId="41"/>
  </si>
  <si>
    <t>大谷　菜々子</t>
  </si>
  <si>
    <t>五日市　実侑</t>
    <phoneticPr fontId="33"/>
  </si>
  <si>
    <t>久司　駿三</t>
  </si>
  <si>
    <t>東工大</t>
    <rPh sb="0" eb="3">
      <t>トウコウダイ</t>
    </rPh>
    <phoneticPr fontId="33"/>
  </si>
  <si>
    <t>農工大</t>
    <rPh sb="0" eb="3">
      <t>ノウコウダイ</t>
    </rPh>
    <phoneticPr fontId="33"/>
  </si>
  <si>
    <t>参考記録</t>
    <rPh sb="0" eb="2">
      <t>サンコウ</t>
    </rPh>
    <rPh sb="2" eb="4">
      <t>キロク</t>
    </rPh>
    <phoneticPr fontId="33"/>
  </si>
  <si>
    <t>2.35.0</t>
    <phoneticPr fontId="33"/>
  </si>
  <si>
    <t>2.15.0</t>
    <phoneticPr fontId="33"/>
  </si>
  <si>
    <t>2.36.0</t>
    <phoneticPr fontId="33"/>
  </si>
  <si>
    <t>2.58.0</t>
    <phoneticPr fontId="33"/>
  </si>
  <si>
    <t>益田　一毅</t>
  </si>
  <si>
    <t>横山　毅仁</t>
  </si>
  <si>
    <t>中村　彩人</t>
  </si>
  <si>
    <t>下山　達大</t>
  </si>
  <si>
    <t>齋藤　大史</t>
    <rPh sb="0" eb="2">
      <t>サイトウ</t>
    </rPh>
    <rPh sb="3" eb="4">
      <t>ダイ</t>
    </rPh>
    <rPh sb="4" eb="5">
      <t>シ</t>
    </rPh>
    <phoneticPr fontId="33"/>
  </si>
  <si>
    <t>M1</t>
    <phoneticPr fontId="33"/>
  </si>
  <si>
    <t>白井　陸大</t>
  </si>
  <si>
    <t>森実　泰貴</t>
  </si>
  <si>
    <t>松永　遼</t>
    <rPh sb="0" eb="2">
      <t>マツナガ</t>
    </rPh>
    <rPh sb="3" eb="4">
      <t>リョウ</t>
    </rPh>
    <phoneticPr fontId="33"/>
  </si>
  <si>
    <t>酒井　淳</t>
    <rPh sb="0" eb="2">
      <t>サカイ</t>
    </rPh>
    <rPh sb="3" eb="4">
      <t>アツシ</t>
    </rPh>
    <phoneticPr fontId="33"/>
  </si>
  <si>
    <t>M2</t>
    <phoneticPr fontId="33"/>
  </si>
  <si>
    <t>D1</t>
    <phoneticPr fontId="33"/>
  </si>
  <si>
    <t>永島　唯哉</t>
  </si>
  <si>
    <t>相馬　和也</t>
    <rPh sb="0" eb="2">
      <t>ソウマ</t>
    </rPh>
    <rPh sb="3" eb="5">
      <t>カズヤ</t>
    </rPh>
    <phoneticPr fontId="33"/>
  </si>
  <si>
    <t>横田　有真</t>
  </si>
  <si>
    <t>宅島　紀晶</t>
    <rPh sb="4" eb="5">
      <t>アキラ</t>
    </rPh>
    <phoneticPr fontId="33"/>
  </si>
  <si>
    <t>対校の部とＯＰの部は同時スタートとする。</t>
    <phoneticPr fontId="33"/>
  </si>
  <si>
    <t>高橋　知也</t>
  </si>
  <si>
    <t>小長光　貴裕</t>
  </si>
  <si>
    <t>木原　葉子</t>
  </si>
  <si>
    <t>関　佳彬</t>
  </si>
  <si>
    <t>村山　和晃</t>
    <rPh sb="0" eb="2">
      <t>ムラヤマ</t>
    </rPh>
    <rPh sb="3" eb="5">
      <t>カズアキ</t>
    </rPh>
    <phoneticPr fontId="41"/>
  </si>
  <si>
    <t>箱崎　喜郎</t>
  </si>
  <si>
    <t>塩田　匠</t>
  </si>
  <si>
    <t>大野　哲</t>
    <rPh sb="0" eb="2">
      <t>オオノ</t>
    </rPh>
    <rPh sb="3" eb="4">
      <t>サトル</t>
    </rPh>
    <phoneticPr fontId="33"/>
  </si>
  <si>
    <t>山口　誠司</t>
    <rPh sb="0" eb="2">
      <t>ヤマグチ</t>
    </rPh>
    <rPh sb="3" eb="5">
      <t>セイジ</t>
    </rPh>
    <phoneticPr fontId="33"/>
  </si>
  <si>
    <t>4.16.00</t>
    <phoneticPr fontId="33"/>
  </si>
  <si>
    <t>3.58.12</t>
    <phoneticPr fontId="33"/>
  </si>
  <si>
    <t>3.57.00</t>
    <phoneticPr fontId="33"/>
  </si>
  <si>
    <t>4.15.00</t>
    <phoneticPr fontId="33"/>
  </si>
  <si>
    <t>西薗　亘祐</t>
    <rPh sb="0" eb="2">
      <t>ニシゾノ</t>
    </rPh>
    <rPh sb="3" eb="5">
      <t>コウスケ</t>
    </rPh>
    <phoneticPr fontId="33"/>
  </si>
  <si>
    <t>竹本　圭吾</t>
    <rPh sb="0" eb="2">
      <t>タケモト</t>
    </rPh>
    <rPh sb="3" eb="5">
      <t>ケイゴ</t>
    </rPh>
    <phoneticPr fontId="33"/>
  </si>
  <si>
    <t>的羽　泰世</t>
    <rPh sb="0" eb="1">
      <t>マト</t>
    </rPh>
    <rPh sb="1" eb="2">
      <t>ハネ</t>
    </rPh>
    <rPh sb="3" eb="4">
      <t>ヤスシ</t>
    </rPh>
    <rPh sb="4" eb="5">
      <t>ヨ</t>
    </rPh>
    <phoneticPr fontId="33"/>
  </si>
  <si>
    <t>阿川　陽</t>
  </si>
  <si>
    <t>川崎　忍</t>
  </si>
  <si>
    <t>山内　岳秋</t>
  </si>
  <si>
    <t>多田　駿介</t>
  </si>
  <si>
    <t>吉田　啓一郎</t>
  </si>
  <si>
    <t>M1</t>
    <phoneticPr fontId="33"/>
  </si>
  <si>
    <t>4.08.80</t>
    <phoneticPr fontId="33"/>
  </si>
  <si>
    <t>4.10.00</t>
    <phoneticPr fontId="33"/>
  </si>
  <si>
    <t>4.20.00</t>
    <phoneticPr fontId="33"/>
  </si>
  <si>
    <t>4.30.00</t>
    <phoneticPr fontId="33"/>
  </si>
  <si>
    <t>4.02.02</t>
    <phoneticPr fontId="33"/>
  </si>
  <si>
    <t>多田 駿介</t>
  </si>
  <si>
    <t>村松　甲斐</t>
    <rPh sb="0" eb="2">
      <t>ムラマツ</t>
    </rPh>
    <rPh sb="3" eb="5">
      <t>カイ</t>
    </rPh>
    <phoneticPr fontId="33"/>
  </si>
  <si>
    <t>児玉　伊太郎</t>
    <rPh sb="0" eb="2">
      <t>コダマ</t>
    </rPh>
    <rPh sb="3" eb="6">
      <t>イタロウ</t>
    </rPh>
    <phoneticPr fontId="33"/>
  </si>
  <si>
    <t>松原　佳祐</t>
  </si>
  <si>
    <t>田井　裕次郎</t>
  </si>
  <si>
    <t>16.10.0</t>
    <phoneticPr fontId="33"/>
  </si>
  <si>
    <t>14.28.0</t>
    <phoneticPr fontId="33"/>
  </si>
  <si>
    <t>15.12.0</t>
    <phoneticPr fontId="33"/>
  </si>
  <si>
    <t>16.20.0</t>
    <phoneticPr fontId="33"/>
  </si>
  <si>
    <t>桝永　理気</t>
    <rPh sb="0" eb="2">
      <t>マスナガ</t>
    </rPh>
    <rPh sb="3" eb="5">
      <t>リキ</t>
    </rPh>
    <phoneticPr fontId="33"/>
  </si>
  <si>
    <t>農工大</t>
    <rPh sb="0" eb="3">
      <t>ノウコウダイ</t>
    </rPh>
    <phoneticPr fontId="33"/>
  </si>
  <si>
    <t>東工大</t>
    <rPh sb="0" eb="3">
      <t>トウコウダイ</t>
    </rPh>
    <phoneticPr fontId="33"/>
  </si>
  <si>
    <t>櫛田　優</t>
    <rPh sb="0" eb="2">
      <t>クシダ</t>
    </rPh>
    <rPh sb="3" eb="4">
      <t>ユウ</t>
    </rPh>
    <phoneticPr fontId="33"/>
  </si>
  <si>
    <t>櫻井　壮一</t>
    <rPh sb="0" eb="2">
      <t>サクライ</t>
    </rPh>
    <rPh sb="3" eb="5">
      <t>ソウイチ</t>
    </rPh>
    <phoneticPr fontId="33"/>
  </si>
  <si>
    <t>土田　周治</t>
    <rPh sb="0" eb="2">
      <t>ツチダ</t>
    </rPh>
    <rPh sb="3" eb="5">
      <t>シュウジ</t>
    </rPh>
    <phoneticPr fontId="33"/>
  </si>
  <si>
    <t>武藤　直緒</t>
    <rPh sb="0" eb="2">
      <t>ムトウ</t>
    </rPh>
    <rPh sb="3" eb="4">
      <t>ナオ</t>
    </rPh>
    <rPh sb="4" eb="5">
      <t>オ</t>
    </rPh>
    <phoneticPr fontId="33"/>
  </si>
  <si>
    <t>1.80ｍ</t>
    <phoneticPr fontId="33"/>
  </si>
  <si>
    <t>1.85ｍ</t>
    <phoneticPr fontId="33"/>
  </si>
  <si>
    <t>1.95ｍ</t>
    <phoneticPr fontId="33"/>
  </si>
  <si>
    <t>1.50ｍ</t>
    <phoneticPr fontId="33"/>
  </si>
  <si>
    <t>酒井　淳</t>
    <rPh sb="0" eb="2">
      <t>サカイ</t>
    </rPh>
    <rPh sb="3" eb="4">
      <t>アツシ</t>
    </rPh>
    <phoneticPr fontId="33"/>
  </si>
  <si>
    <t>D1</t>
    <phoneticPr fontId="33"/>
  </si>
  <si>
    <t>石井　裕太</t>
    <rPh sb="0" eb="2">
      <t>イシイ</t>
    </rPh>
    <rPh sb="3" eb="4">
      <t>ユウ</t>
    </rPh>
    <rPh sb="4" eb="5">
      <t>タ</t>
    </rPh>
    <phoneticPr fontId="33"/>
  </si>
  <si>
    <t>OB</t>
    <phoneticPr fontId="33"/>
  </si>
  <si>
    <t>原田　洋樹</t>
    <rPh sb="0" eb="2">
      <t>ハラダ</t>
    </rPh>
    <rPh sb="3" eb="4">
      <t>ヨウ</t>
    </rPh>
    <rPh sb="4" eb="5">
      <t>キ</t>
    </rPh>
    <phoneticPr fontId="33"/>
  </si>
  <si>
    <t>1.60ｍ</t>
    <phoneticPr fontId="33"/>
  </si>
  <si>
    <t>1.70ｍ</t>
    <phoneticPr fontId="33"/>
  </si>
  <si>
    <t>中村　彩人</t>
    <rPh sb="0" eb="2">
      <t>ナカムラ</t>
    </rPh>
    <rPh sb="3" eb="5">
      <t>アヤト</t>
    </rPh>
    <phoneticPr fontId="33"/>
  </si>
  <si>
    <t>5.00ｍ</t>
    <phoneticPr fontId="33"/>
  </si>
  <si>
    <t>5.70ｍ</t>
    <phoneticPr fontId="33"/>
  </si>
  <si>
    <t>6.15ｍ</t>
    <phoneticPr fontId="33"/>
  </si>
  <si>
    <t>藤田　智紀</t>
    <rPh sb="0" eb="2">
      <t>フジタ</t>
    </rPh>
    <rPh sb="3" eb="5">
      <t>トモノリ</t>
    </rPh>
    <phoneticPr fontId="33"/>
  </si>
  <si>
    <t>M1</t>
    <phoneticPr fontId="33"/>
  </si>
  <si>
    <t>5.90ｍ</t>
    <phoneticPr fontId="33"/>
  </si>
  <si>
    <t>齋藤　倫久</t>
    <rPh sb="0" eb="2">
      <t>サイトウ</t>
    </rPh>
    <rPh sb="3" eb="4">
      <t>リン</t>
    </rPh>
    <rPh sb="4" eb="5">
      <t>ヒサ</t>
    </rPh>
    <phoneticPr fontId="33"/>
  </si>
  <si>
    <t>6.42ｍ</t>
    <phoneticPr fontId="33"/>
  </si>
  <si>
    <t>福井　義光</t>
    <rPh sb="0" eb="2">
      <t>フクイ</t>
    </rPh>
    <rPh sb="3" eb="5">
      <t>ヨシミツ</t>
    </rPh>
    <phoneticPr fontId="33"/>
  </si>
  <si>
    <t>森実　泰貴</t>
    <rPh sb="0" eb="2">
      <t>モリミ</t>
    </rPh>
    <rPh sb="3" eb="4">
      <t>ヤスシ</t>
    </rPh>
    <rPh sb="4" eb="5">
      <t>キ</t>
    </rPh>
    <phoneticPr fontId="33"/>
  </si>
  <si>
    <t>岩井　梨輝</t>
    <rPh sb="0" eb="2">
      <t>イワイ</t>
    </rPh>
    <rPh sb="3" eb="4">
      <t>ナシ</t>
    </rPh>
    <rPh sb="4" eb="5">
      <t>カガヤ</t>
    </rPh>
    <phoneticPr fontId="33"/>
  </si>
  <si>
    <t>尾川　拓巳</t>
  </si>
  <si>
    <t>中嶋　一貴</t>
  </si>
  <si>
    <t>東京工業大学</t>
    <rPh sb="0" eb="6">
      <t>トウキョウコウギョウダイガク</t>
    </rPh>
    <phoneticPr fontId="33"/>
  </si>
  <si>
    <t>東京農工大学</t>
    <rPh sb="0" eb="6">
      <t>トウキョウノウコウダイガク</t>
    </rPh>
    <phoneticPr fontId="33"/>
  </si>
  <si>
    <t>8.00ｍ</t>
    <phoneticPr fontId="33"/>
  </si>
  <si>
    <t>8.60ｍ</t>
    <phoneticPr fontId="33"/>
  </si>
  <si>
    <t>9.10ｍ</t>
    <phoneticPr fontId="33"/>
  </si>
  <si>
    <t>3.14ｍ</t>
    <phoneticPr fontId="33"/>
  </si>
  <si>
    <t>7.90ｍ</t>
    <phoneticPr fontId="33"/>
  </si>
  <si>
    <t>9.00ｍ</t>
    <phoneticPr fontId="33"/>
  </si>
  <si>
    <t>立花　連</t>
    <rPh sb="0" eb="1">
      <t>タチ</t>
    </rPh>
    <rPh sb="1" eb="2">
      <t>ハナ</t>
    </rPh>
    <rPh sb="3" eb="4">
      <t>レン</t>
    </rPh>
    <phoneticPr fontId="33"/>
  </si>
  <si>
    <t>香坂　俊光</t>
    <rPh sb="0" eb="2">
      <t>コウサカ</t>
    </rPh>
    <rPh sb="3" eb="4">
      <t>トシ</t>
    </rPh>
    <rPh sb="4" eb="5">
      <t>ヒカリ</t>
    </rPh>
    <phoneticPr fontId="33"/>
  </si>
  <si>
    <t>東工大</t>
    <rPh sb="0" eb="3">
      <t>トウコウダイ</t>
    </rPh>
    <phoneticPr fontId="33"/>
  </si>
  <si>
    <t>鎌戸　隆行</t>
  </si>
  <si>
    <t>農工大</t>
    <rPh sb="0" eb="3">
      <t>ノウコウダイ</t>
    </rPh>
    <phoneticPr fontId="33"/>
  </si>
  <si>
    <t>相馬　和也</t>
    <rPh sb="0" eb="2">
      <t>ソウマ</t>
    </rPh>
    <rPh sb="3" eb="5">
      <t>カズヤ</t>
    </rPh>
    <phoneticPr fontId="33"/>
  </si>
  <si>
    <t>宅島　紀晶</t>
    <rPh sb="0" eb="1">
      <t>タク</t>
    </rPh>
    <rPh sb="1" eb="2">
      <t>シマ</t>
    </rPh>
    <phoneticPr fontId="33"/>
  </si>
  <si>
    <t>桝永　理気</t>
    <rPh sb="0" eb="2">
      <t>マスナガ</t>
    </rPh>
    <rPh sb="3" eb="5">
      <t>リキ</t>
    </rPh>
    <phoneticPr fontId="33"/>
  </si>
  <si>
    <t>関　佳彬</t>
    <rPh sb="0" eb="1">
      <t>セキ</t>
    </rPh>
    <phoneticPr fontId="33"/>
  </si>
  <si>
    <t>山口　誠司</t>
    <rPh sb="0" eb="2">
      <t>ヤマグチ</t>
    </rPh>
    <rPh sb="3" eb="5">
      <t>セイジ</t>
    </rPh>
    <phoneticPr fontId="33"/>
  </si>
  <si>
    <t>大野　哲</t>
    <rPh sb="0" eb="2">
      <t>オオノ</t>
    </rPh>
    <rPh sb="3" eb="4">
      <t>サトル</t>
    </rPh>
    <phoneticPr fontId="33"/>
  </si>
  <si>
    <t>伊藤　篤</t>
    <rPh sb="0" eb="2">
      <t>イトウ</t>
    </rPh>
    <rPh sb="3" eb="4">
      <t>アツシ</t>
    </rPh>
    <phoneticPr fontId="33"/>
  </si>
  <si>
    <t>村山　和晃</t>
    <rPh sb="0" eb="2">
      <t>ムラヤマ</t>
    </rPh>
    <phoneticPr fontId="33"/>
  </si>
  <si>
    <t>井上　広貴</t>
    <rPh sb="0" eb="2">
      <t>イノウエ</t>
    </rPh>
    <rPh sb="3" eb="4">
      <t>ヒロ</t>
    </rPh>
    <rPh sb="4" eb="5">
      <t>キ</t>
    </rPh>
    <phoneticPr fontId="33"/>
  </si>
  <si>
    <t>田口 裕太</t>
  </si>
  <si>
    <t>伊藤　篤</t>
    <rPh sb="0" eb="2">
      <t>イトウ</t>
    </rPh>
    <rPh sb="3" eb="4">
      <t>アツシ</t>
    </rPh>
    <phoneticPr fontId="33"/>
  </si>
  <si>
    <t>農工大</t>
    <rPh sb="0" eb="3">
      <t>ノウコウダイ</t>
    </rPh>
    <phoneticPr fontId="33"/>
  </si>
  <si>
    <t>2.04.0</t>
    <phoneticPr fontId="33"/>
  </si>
  <si>
    <t>香坂　俊光</t>
    <rPh sb="0" eb="2">
      <t>コウサカ</t>
    </rPh>
    <phoneticPr fontId="33"/>
  </si>
  <si>
    <t>多田　光里</t>
    <rPh sb="0" eb="2">
      <t>タダ</t>
    </rPh>
    <rPh sb="3" eb="5">
      <t>ヒカリ</t>
    </rPh>
    <phoneticPr fontId="33"/>
  </si>
  <si>
    <t>M1</t>
    <phoneticPr fontId="33"/>
  </si>
  <si>
    <t>西薗　亘祐</t>
    <rPh sb="0" eb="2">
      <t>ニシゾノ</t>
    </rPh>
    <rPh sb="3" eb="5">
      <t>コウスケ</t>
    </rPh>
    <phoneticPr fontId="33"/>
  </si>
  <si>
    <t>1.58.0</t>
    <phoneticPr fontId="33"/>
  </si>
  <si>
    <t>農工大</t>
    <rPh sb="0" eb="3">
      <t>ノウコウダイ</t>
    </rPh>
    <phoneticPr fontId="33"/>
  </si>
  <si>
    <t>4.20.00</t>
    <phoneticPr fontId="33"/>
  </si>
  <si>
    <t>有山　篤志</t>
    <rPh sb="0" eb="2">
      <t>アリヤマ</t>
    </rPh>
    <rPh sb="3" eb="4">
      <t>アツシ</t>
    </rPh>
    <rPh sb="4" eb="5">
      <t>ココロザシ</t>
    </rPh>
    <phoneticPr fontId="33"/>
  </si>
  <si>
    <t>内田 暁久</t>
    <rPh sb="0" eb="2">
      <t>ウチダ</t>
    </rPh>
    <rPh sb="3" eb="5">
      <t>アキヒサ</t>
    </rPh>
    <phoneticPr fontId="33"/>
  </si>
  <si>
    <t>宮崎　仁</t>
    <rPh sb="0" eb="2">
      <t>ミヤザキ</t>
    </rPh>
    <rPh sb="3" eb="4">
      <t>ジン</t>
    </rPh>
    <phoneticPr fontId="33"/>
  </si>
  <si>
    <t>農工大</t>
    <rPh sb="0" eb="3">
      <t>ノウコウダイ</t>
    </rPh>
    <phoneticPr fontId="33"/>
  </si>
  <si>
    <t>清水　遼</t>
    <rPh sb="0" eb="2">
      <t>シミズ</t>
    </rPh>
    <rPh sb="3" eb="4">
      <t>リョウ</t>
    </rPh>
    <phoneticPr fontId="33"/>
  </si>
  <si>
    <t>鈴木　達也</t>
    <rPh sb="0" eb="2">
      <t>スズキ</t>
    </rPh>
    <rPh sb="3" eb="5">
      <t>タツヤ</t>
    </rPh>
    <phoneticPr fontId="33"/>
  </si>
  <si>
    <t>脇山　直人</t>
    <rPh sb="0" eb="2">
      <t>ワキヤマ</t>
    </rPh>
    <rPh sb="3" eb="5">
      <t>ナオト</t>
    </rPh>
    <phoneticPr fontId="33"/>
  </si>
  <si>
    <t>3</t>
    <phoneticPr fontId="33"/>
  </si>
  <si>
    <t>2</t>
    <phoneticPr fontId="33"/>
  </si>
  <si>
    <t>1</t>
    <phoneticPr fontId="33"/>
  </si>
  <si>
    <t>4</t>
    <phoneticPr fontId="33"/>
  </si>
  <si>
    <t>11</t>
    <phoneticPr fontId="33"/>
  </si>
  <si>
    <t>5</t>
    <phoneticPr fontId="33"/>
  </si>
  <si>
    <t>10</t>
    <phoneticPr fontId="33"/>
  </si>
  <si>
    <t>8</t>
    <phoneticPr fontId="33"/>
  </si>
  <si>
    <t>12</t>
    <phoneticPr fontId="33"/>
  </si>
  <si>
    <t>DNS</t>
    <phoneticPr fontId="33"/>
  </si>
  <si>
    <t>DNS</t>
    <phoneticPr fontId="33"/>
  </si>
  <si>
    <t>3</t>
    <phoneticPr fontId="33"/>
  </si>
  <si>
    <t>4</t>
    <phoneticPr fontId="33"/>
  </si>
  <si>
    <t>5</t>
    <phoneticPr fontId="33"/>
  </si>
  <si>
    <t>6</t>
    <phoneticPr fontId="33"/>
  </si>
  <si>
    <t>13</t>
    <phoneticPr fontId="33"/>
  </si>
  <si>
    <t>渡邉　裕志</t>
    <rPh sb="0" eb="2">
      <t>ワタナベ</t>
    </rPh>
    <rPh sb="3" eb="5">
      <t>ヒロシ</t>
    </rPh>
    <phoneticPr fontId="33"/>
  </si>
  <si>
    <t>当時受付</t>
    <rPh sb="0" eb="4">
      <t>トウジウケツケ</t>
    </rPh>
    <phoneticPr fontId="33"/>
  </si>
  <si>
    <t>対校の部　(+3.0 m)</t>
    <phoneticPr fontId="33"/>
  </si>
  <si>
    <t>OB・OPの部　1組 (+2.5  m)</t>
    <phoneticPr fontId="33"/>
  </si>
  <si>
    <t>2組(+1.8m)</t>
    <phoneticPr fontId="33"/>
  </si>
  <si>
    <t>12</t>
    <phoneticPr fontId="33"/>
  </si>
  <si>
    <t>.</t>
    <phoneticPr fontId="33"/>
  </si>
  <si>
    <t>1</t>
    <phoneticPr fontId="33"/>
  </si>
  <si>
    <t>3</t>
    <phoneticPr fontId="33"/>
  </si>
  <si>
    <t>5</t>
    <phoneticPr fontId="33"/>
  </si>
  <si>
    <t>14</t>
    <phoneticPr fontId="33"/>
  </si>
  <si>
    <t>0</t>
    <phoneticPr fontId="33"/>
  </si>
  <si>
    <t>8</t>
    <phoneticPr fontId="33"/>
  </si>
  <si>
    <t>7</t>
    <phoneticPr fontId="33"/>
  </si>
  <si>
    <t>東工大</t>
    <rPh sb="0" eb="3">
      <t>トウコウダイ</t>
    </rPh>
    <phoneticPr fontId="33"/>
  </si>
  <si>
    <t>M1</t>
    <phoneticPr fontId="33"/>
  </si>
  <si>
    <t>OB</t>
    <phoneticPr fontId="33"/>
  </si>
  <si>
    <t>3組(+2.6 m)</t>
    <phoneticPr fontId="33"/>
  </si>
  <si>
    <t>植竹　敦</t>
    <rPh sb="0" eb="2">
      <t>ウエタケ</t>
    </rPh>
    <rPh sb="3" eb="4">
      <t>アツシ</t>
    </rPh>
    <phoneticPr fontId="33"/>
  </si>
  <si>
    <t>伊藤　成光</t>
    <rPh sb="0" eb="2">
      <t>イトウ</t>
    </rPh>
    <rPh sb="3" eb="4">
      <t>ナ</t>
    </rPh>
    <rPh sb="4" eb="5">
      <t>ヒカリ</t>
    </rPh>
    <phoneticPr fontId="33"/>
  </si>
  <si>
    <t>内山　結芽乃</t>
    <rPh sb="0" eb="2">
      <t>ウチヤマ</t>
    </rPh>
    <rPh sb="3" eb="4">
      <t>ムス</t>
    </rPh>
    <rPh sb="4" eb="5">
      <t>メ</t>
    </rPh>
    <rPh sb="5" eb="6">
      <t>ノ</t>
    </rPh>
    <phoneticPr fontId="33"/>
  </si>
  <si>
    <t>芝江　征葵</t>
    <rPh sb="0" eb="2">
      <t>シバエ</t>
    </rPh>
    <rPh sb="3" eb="4">
      <t>セイ</t>
    </rPh>
    <rPh sb="4" eb="5">
      <t>アオイ</t>
    </rPh>
    <phoneticPr fontId="33"/>
  </si>
  <si>
    <t>山崎　柾也</t>
    <rPh sb="0" eb="2">
      <t>ヤマザキ</t>
    </rPh>
    <rPh sb="3" eb="4">
      <t>マサ</t>
    </rPh>
    <rPh sb="4" eb="5">
      <t>ヤ</t>
    </rPh>
    <phoneticPr fontId="33"/>
  </si>
  <si>
    <t>23</t>
    <phoneticPr fontId="33"/>
  </si>
  <si>
    <t>22</t>
    <phoneticPr fontId="33"/>
  </si>
  <si>
    <t>21</t>
    <phoneticPr fontId="33"/>
  </si>
  <si>
    <t>24</t>
    <phoneticPr fontId="33"/>
  </si>
  <si>
    <t>9</t>
    <phoneticPr fontId="33"/>
  </si>
  <si>
    <t>5</t>
    <phoneticPr fontId="33"/>
  </si>
  <si>
    <t>対校の部　(+1.1m)</t>
    <phoneticPr fontId="33"/>
  </si>
  <si>
    <t>農工大</t>
    <rPh sb="0" eb="3">
      <t>ノウコウダイ</t>
    </rPh>
    <phoneticPr fontId="33"/>
  </si>
  <si>
    <t>OB</t>
    <phoneticPr fontId="33"/>
  </si>
  <si>
    <t>OB</t>
    <phoneticPr fontId="33"/>
  </si>
  <si>
    <t>原田　洋樹</t>
    <rPh sb="0" eb="2">
      <t>ハラダ</t>
    </rPh>
    <rPh sb="3" eb="4">
      <t>ヨウ</t>
    </rPh>
    <rPh sb="4" eb="5">
      <t>キ</t>
    </rPh>
    <phoneticPr fontId="33"/>
  </si>
  <si>
    <t>芝江　柾葵</t>
    <rPh sb="0" eb="2">
      <t>シバエ</t>
    </rPh>
    <rPh sb="3" eb="4">
      <t>マサ</t>
    </rPh>
    <rPh sb="4" eb="5">
      <t>アオイ</t>
    </rPh>
    <phoneticPr fontId="33"/>
  </si>
  <si>
    <t>当日受付</t>
    <rPh sb="0" eb="2">
      <t>トウジツ</t>
    </rPh>
    <rPh sb="2" eb="4">
      <t>ウケツケ</t>
    </rPh>
    <phoneticPr fontId="33"/>
  </si>
  <si>
    <t>23</t>
    <phoneticPr fontId="33"/>
  </si>
  <si>
    <t>23</t>
    <phoneticPr fontId="33"/>
  </si>
  <si>
    <t>25</t>
    <phoneticPr fontId="33"/>
  </si>
  <si>
    <t>9</t>
    <phoneticPr fontId="33"/>
  </si>
  <si>
    <t>OB・OPの部　1組 (+0.5 m)</t>
    <phoneticPr fontId="33"/>
  </si>
  <si>
    <t>2組(-0.4m)</t>
    <phoneticPr fontId="33"/>
  </si>
  <si>
    <t>木野　雄路</t>
    <rPh sb="0" eb="2">
      <t>キノ</t>
    </rPh>
    <rPh sb="3" eb="4">
      <t>オス</t>
    </rPh>
    <rPh sb="4" eb="5">
      <t>ロ</t>
    </rPh>
    <phoneticPr fontId="33"/>
  </si>
  <si>
    <t>M1</t>
    <phoneticPr fontId="33"/>
  </si>
  <si>
    <t>永井　生</t>
    <rPh sb="0" eb="2">
      <t>ナガイ</t>
    </rPh>
    <rPh sb="3" eb="4">
      <t>ショウ</t>
    </rPh>
    <phoneticPr fontId="33"/>
  </si>
  <si>
    <t>天野　皓平</t>
  </si>
  <si>
    <t>天野　皓平</t>
    <rPh sb="0" eb="2">
      <t>アマノ</t>
    </rPh>
    <phoneticPr fontId="33"/>
  </si>
  <si>
    <t>西嶋　健人</t>
  </si>
  <si>
    <t>西嶋　健人</t>
    <rPh sb="0" eb="2">
      <t>ニシジマ</t>
    </rPh>
    <rPh sb="3" eb="5">
      <t>ケント</t>
    </rPh>
    <phoneticPr fontId="33"/>
  </si>
  <si>
    <t>4</t>
    <phoneticPr fontId="33"/>
  </si>
  <si>
    <t>3</t>
    <phoneticPr fontId="33"/>
  </si>
  <si>
    <t>24</t>
    <phoneticPr fontId="33"/>
  </si>
  <si>
    <t>6</t>
    <phoneticPr fontId="33"/>
  </si>
  <si>
    <t>0</t>
    <phoneticPr fontId="33"/>
  </si>
  <si>
    <t>1</t>
    <phoneticPr fontId="33"/>
  </si>
  <si>
    <t>当日受付</t>
    <rPh sb="0" eb="4">
      <t>トウジツウケツケ</t>
    </rPh>
    <phoneticPr fontId="33"/>
  </si>
  <si>
    <t>1</t>
    <phoneticPr fontId="33"/>
  </si>
  <si>
    <t>50</t>
    <phoneticPr fontId="33"/>
  </si>
  <si>
    <t>49</t>
    <phoneticPr fontId="33"/>
  </si>
  <si>
    <t>52</t>
    <phoneticPr fontId="33"/>
  </si>
  <si>
    <t>55</t>
    <phoneticPr fontId="33"/>
  </si>
  <si>
    <t>5</t>
    <phoneticPr fontId="33"/>
  </si>
  <si>
    <t>64</t>
    <phoneticPr fontId="33"/>
  </si>
  <si>
    <t>60</t>
    <phoneticPr fontId="33"/>
  </si>
  <si>
    <t>土田　周治</t>
    <rPh sb="0" eb="2">
      <t>ツチダ</t>
    </rPh>
    <rPh sb="3" eb="5">
      <t>シュウジ</t>
    </rPh>
    <phoneticPr fontId="33"/>
  </si>
  <si>
    <t>橋岡　大亮</t>
    <phoneticPr fontId="33"/>
  </si>
  <si>
    <t>DNS</t>
    <phoneticPr fontId="33"/>
  </si>
  <si>
    <t>川崎　忍</t>
    <rPh sb="0" eb="2">
      <t>カワサキ</t>
    </rPh>
    <rPh sb="3" eb="4">
      <t>シノブ</t>
    </rPh>
    <phoneticPr fontId="33"/>
  </si>
  <si>
    <t>M2</t>
    <phoneticPr fontId="33"/>
  </si>
  <si>
    <t>OG</t>
    <phoneticPr fontId="33"/>
  </si>
  <si>
    <t>1.56.97</t>
    <phoneticPr fontId="33"/>
  </si>
  <si>
    <t>藤村　弘太</t>
    <rPh sb="0" eb="2">
      <t>フジムラ</t>
    </rPh>
    <rPh sb="3" eb="5">
      <t>コウタ</t>
    </rPh>
    <phoneticPr fontId="33"/>
  </si>
  <si>
    <t>細川　和穂</t>
    <rPh sb="0" eb="2">
      <t>ホソカワ</t>
    </rPh>
    <rPh sb="3" eb="5">
      <t>カズホ</t>
    </rPh>
    <phoneticPr fontId="33"/>
  </si>
  <si>
    <t>河合　正貴</t>
    <rPh sb="0" eb="2">
      <t>カワイ</t>
    </rPh>
    <rPh sb="3" eb="4">
      <t>マサ</t>
    </rPh>
    <rPh sb="4" eb="5">
      <t>キ</t>
    </rPh>
    <phoneticPr fontId="33"/>
  </si>
  <si>
    <t>箱崎　喜郎</t>
    <rPh sb="0" eb="2">
      <t>ハコザキ</t>
    </rPh>
    <rPh sb="3" eb="5">
      <t>ヨシオ</t>
    </rPh>
    <phoneticPr fontId="33"/>
  </si>
  <si>
    <t>一條　敦弘</t>
    <rPh sb="0" eb="2">
      <t>イチジョウ</t>
    </rPh>
    <rPh sb="3" eb="4">
      <t>アツシ</t>
    </rPh>
    <rPh sb="4" eb="5">
      <t>ヒロシ</t>
    </rPh>
    <phoneticPr fontId="33"/>
  </si>
  <si>
    <t>神山　歩相名</t>
    <rPh sb="0" eb="2">
      <t>カミヤマ</t>
    </rPh>
    <rPh sb="3" eb="4">
      <t>アル</t>
    </rPh>
    <rPh sb="4" eb="5">
      <t>アイ</t>
    </rPh>
    <rPh sb="5" eb="6">
      <t>ナ</t>
    </rPh>
    <phoneticPr fontId="33"/>
  </si>
  <si>
    <t>DNF</t>
    <phoneticPr fontId="33"/>
  </si>
  <si>
    <t>DNF</t>
    <phoneticPr fontId="33"/>
  </si>
  <si>
    <t>OG</t>
    <phoneticPr fontId="33"/>
  </si>
  <si>
    <t>杉浦　拓馬</t>
  </si>
  <si>
    <t>神山　歩相名</t>
    <rPh sb="0" eb="2">
      <t>カミヤマ</t>
    </rPh>
    <rPh sb="3" eb="4">
      <t>ホ</t>
    </rPh>
    <rPh sb="4" eb="5">
      <t>アイ</t>
    </rPh>
    <rPh sb="5" eb="6">
      <t>ナ</t>
    </rPh>
    <phoneticPr fontId="33"/>
  </si>
  <si>
    <t>藤村　弘太</t>
    <rPh sb="0" eb="2">
      <t>フジムラ</t>
    </rPh>
    <phoneticPr fontId="33"/>
  </si>
  <si>
    <t>前田　颯</t>
  </si>
  <si>
    <t>高橋　麗男</t>
    <rPh sb="0" eb="2">
      <t>タカハシ</t>
    </rPh>
    <rPh sb="3" eb="4">
      <t>レイ</t>
    </rPh>
    <rPh sb="4" eb="5">
      <t>オトコ</t>
    </rPh>
    <phoneticPr fontId="33"/>
  </si>
  <si>
    <t>竹岡　大</t>
    <rPh sb="0" eb="2">
      <t>タケオカ</t>
    </rPh>
    <rPh sb="3" eb="4">
      <t>ダイ</t>
    </rPh>
    <phoneticPr fontId="33"/>
  </si>
  <si>
    <t>岡田　真晴</t>
    <rPh sb="0" eb="2">
      <t>オカダ</t>
    </rPh>
    <rPh sb="3" eb="4">
      <t>マ</t>
    </rPh>
    <rPh sb="4" eb="5">
      <t>セイ</t>
    </rPh>
    <phoneticPr fontId="33"/>
  </si>
  <si>
    <t>河合　正貴</t>
    <phoneticPr fontId="33"/>
  </si>
  <si>
    <t>.</t>
    <phoneticPr fontId="33"/>
  </si>
  <si>
    <t>大会記録　　4.00.8　箱崎　喜郎(東工大)2017</t>
    <phoneticPr fontId="33"/>
  </si>
  <si>
    <t>山内　岳秋</t>
    <rPh sb="0" eb="2">
      <t>ヤマウチ</t>
    </rPh>
    <rPh sb="3" eb="5">
      <t>タカアキ</t>
    </rPh>
    <phoneticPr fontId="33"/>
  </si>
  <si>
    <t>新美　惣一朗</t>
    <rPh sb="0" eb="2">
      <t>ニイミ</t>
    </rPh>
    <rPh sb="3" eb="6">
      <t>ソウイチロウ</t>
    </rPh>
    <phoneticPr fontId="33"/>
  </si>
  <si>
    <t>西部　将史</t>
    <rPh sb="0" eb="2">
      <t>ニシベ</t>
    </rPh>
    <rPh sb="3" eb="4">
      <t>マサ</t>
    </rPh>
    <rPh sb="4" eb="5">
      <t>シ</t>
    </rPh>
    <phoneticPr fontId="33"/>
  </si>
  <si>
    <t>杉浦　拓馬</t>
    <rPh sb="0" eb="2">
      <t>スギウラ</t>
    </rPh>
    <rPh sb="3" eb="5">
      <t>タクマ</t>
    </rPh>
    <phoneticPr fontId="33"/>
  </si>
  <si>
    <t>M1</t>
    <phoneticPr fontId="33"/>
  </si>
  <si>
    <t>河本　陸</t>
    <rPh sb="0" eb="2">
      <t>カワモト</t>
    </rPh>
    <rPh sb="3" eb="4">
      <t>リク</t>
    </rPh>
    <phoneticPr fontId="33"/>
  </si>
  <si>
    <t>笠木　浩平</t>
    <rPh sb="0" eb="2">
      <t>カサギ</t>
    </rPh>
    <rPh sb="3" eb="5">
      <t>コウヘイ</t>
    </rPh>
    <phoneticPr fontId="33"/>
  </si>
  <si>
    <t>大槻　恒太</t>
    <rPh sb="0" eb="2">
      <t>オオツキ</t>
    </rPh>
    <rPh sb="3" eb="5">
      <t>コウタ</t>
    </rPh>
    <phoneticPr fontId="33"/>
  </si>
  <si>
    <t>辻　航平</t>
    <rPh sb="0" eb="1">
      <t>ツジ</t>
    </rPh>
    <rPh sb="2" eb="4">
      <t>コウヘイ</t>
    </rPh>
    <phoneticPr fontId="33"/>
  </si>
  <si>
    <t>四垂　将志</t>
    <rPh sb="0" eb="1">
      <t>ヨン</t>
    </rPh>
    <rPh sb="1" eb="2">
      <t>シダ</t>
    </rPh>
    <rPh sb="3" eb="4">
      <t>マサ</t>
    </rPh>
    <rPh sb="4" eb="5">
      <t>ココロザシ</t>
    </rPh>
    <phoneticPr fontId="33"/>
  </si>
  <si>
    <t>武田　直樹</t>
    <rPh sb="0" eb="2">
      <t>タケダ</t>
    </rPh>
    <rPh sb="3" eb="5">
      <t>ナオキ</t>
    </rPh>
    <phoneticPr fontId="33"/>
  </si>
  <si>
    <t>笠原　慧</t>
    <rPh sb="0" eb="2">
      <t>カサハラ</t>
    </rPh>
    <rPh sb="3" eb="4">
      <t>ケイ</t>
    </rPh>
    <phoneticPr fontId="33"/>
  </si>
  <si>
    <t>井上　暁人</t>
    <rPh sb="0" eb="2">
      <t>イノウエ</t>
    </rPh>
    <rPh sb="3" eb="4">
      <t>アカツキ</t>
    </rPh>
    <rPh sb="4" eb="5">
      <t>ヒト</t>
    </rPh>
    <phoneticPr fontId="33"/>
  </si>
  <si>
    <t>OB</t>
    <phoneticPr fontId="33"/>
  </si>
  <si>
    <t>1組(+0.9 m)</t>
    <phoneticPr fontId="33"/>
  </si>
  <si>
    <t>対校・OPの部</t>
    <rPh sb="0" eb="2">
      <t>タイコウ</t>
    </rPh>
    <rPh sb="6" eb="7">
      <t>ブ</t>
    </rPh>
    <phoneticPr fontId="33"/>
  </si>
  <si>
    <t>残りもの4継</t>
  </si>
  <si>
    <t>残りもの4継</t>
    <rPh sb="0" eb="1">
      <t>ノコ</t>
    </rPh>
    <rPh sb="5" eb="6">
      <t>ツ</t>
    </rPh>
    <phoneticPr fontId="33"/>
  </si>
  <si>
    <t>若いモンには負けんぞ！！</t>
    <rPh sb="0" eb="1">
      <t>ワカ</t>
    </rPh>
    <rPh sb="6" eb="7">
      <t>マ</t>
    </rPh>
    <phoneticPr fontId="33"/>
  </si>
  <si>
    <t>永井　生</t>
    <rPh sb="0" eb="2">
      <t>ナガイ</t>
    </rPh>
    <rPh sb="3" eb="4">
      <t>セイ</t>
    </rPh>
    <phoneticPr fontId="33"/>
  </si>
  <si>
    <t>小林　拓己</t>
    <rPh sb="0" eb="2">
      <t>コバヤシ</t>
    </rPh>
    <rPh sb="3" eb="5">
      <t>タクミ</t>
    </rPh>
    <phoneticPr fontId="33"/>
  </si>
  <si>
    <t>東京工業大学</t>
  </si>
  <si>
    <t>東京農工大学</t>
  </si>
  <si>
    <t>若いモンには負けんぞ！！</t>
    <phoneticPr fontId="33"/>
  </si>
  <si>
    <t>東工大中距離</t>
    <rPh sb="0" eb="3">
      <t>トウコウダイ</t>
    </rPh>
    <rPh sb="3" eb="6">
      <t>チュウキョリ</t>
    </rPh>
    <phoneticPr fontId="33"/>
  </si>
  <si>
    <t>土田　周治</t>
    <phoneticPr fontId="33"/>
  </si>
  <si>
    <t>河合　正貴</t>
    <phoneticPr fontId="33"/>
  </si>
  <si>
    <t>箱﨑　喜郎</t>
  </si>
  <si>
    <t>中村　勇太</t>
    <phoneticPr fontId="33"/>
  </si>
  <si>
    <t>東京工業大学</t>
    <rPh sb="0" eb="6">
      <t>トウキョウコウギョウダイガク</t>
    </rPh>
    <phoneticPr fontId="33"/>
  </si>
  <si>
    <t>東工中距離</t>
    <rPh sb="0" eb="1">
      <t>ヒガシ</t>
    </rPh>
    <rPh sb="1" eb="2">
      <t>コウ</t>
    </rPh>
    <rPh sb="2" eb="5">
      <t>チュウキョリ</t>
    </rPh>
    <phoneticPr fontId="33"/>
  </si>
  <si>
    <t>東京農工大学</t>
    <rPh sb="0" eb="6">
      <t>トウキョウノウコウダイガク</t>
    </rPh>
    <phoneticPr fontId="33"/>
  </si>
  <si>
    <t>3.23.5</t>
    <phoneticPr fontId="33"/>
  </si>
  <si>
    <t>3.25.6</t>
    <phoneticPr fontId="33"/>
  </si>
  <si>
    <t>3.37.1</t>
    <phoneticPr fontId="33"/>
  </si>
  <si>
    <t>「農工戦マイル」というお話</t>
    <rPh sb="1" eb="3">
      <t>ノウコウ</t>
    </rPh>
    <rPh sb="3" eb="4">
      <t>セン</t>
    </rPh>
    <rPh sb="12" eb="13">
      <t>ハナシ</t>
    </rPh>
    <phoneticPr fontId="33"/>
  </si>
  <si>
    <t>チーム加藤里奈様</t>
    <rPh sb="3" eb="5">
      <t>カトウ</t>
    </rPh>
    <rPh sb="5" eb="7">
      <t>リナ</t>
    </rPh>
    <rPh sb="7" eb="8">
      <t>サマ</t>
    </rPh>
    <phoneticPr fontId="33"/>
  </si>
  <si>
    <r>
      <rPr>
        <sz val="10"/>
        <color rgb="FF000000"/>
        <rFont val="ＭＳ Ｐゴシック"/>
        <family val="3"/>
        <charset val="128"/>
      </rPr>
      <t>五日市を</t>
    </r>
    <r>
      <rPr>
        <sz val="10"/>
        <color rgb="FF000000"/>
        <rFont val="Arial"/>
        <family val="2"/>
      </rPr>
      <t>400</t>
    </r>
    <r>
      <rPr>
        <sz val="10"/>
        <color rgb="FF000000"/>
        <rFont val="ＭＳ Ｐゴシック"/>
        <family val="3"/>
        <charset val="128"/>
      </rPr>
      <t>選手にするマイル</t>
    </r>
    <rPh sb="0" eb="3">
      <t>イツカイチ</t>
    </rPh>
    <rPh sb="7" eb="9">
      <t>センシュ</t>
    </rPh>
    <phoneticPr fontId="33"/>
  </si>
  <si>
    <t>さよならクボケンまた会う日まで</t>
    <rPh sb="10" eb="11">
      <t>ア</t>
    </rPh>
    <rPh sb="12" eb="13">
      <t>ヒ</t>
    </rPh>
    <phoneticPr fontId="33"/>
  </si>
  <si>
    <t>チーム紅一点</t>
    <rPh sb="3" eb="6">
      <t>コウイッテン</t>
    </rPh>
    <phoneticPr fontId="33"/>
  </si>
  <si>
    <t xml:space="preserve"> 　　大会記録　 3.23.5　 東工大(小長光･永島･横山･芝江)2017</t>
    <rPh sb="3" eb="5">
      <t>タイカイ</t>
    </rPh>
    <rPh sb="5" eb="7">
      <t>キロク</t>
    </rPh>
    <rPh sb="17" eb="20">
      <t>トウコウダイ</t>
    </rPh>
    <rPh sb="21" eb="24">
      <t>コナガミツ</t>
    </rPh>
    <rPh sb="25" eb="27">
      <t>ナガシマ</t>
    </rPh>
    <rPh sb="28" eb="30">
      <t>ヨコヤマ</t>
    </rPh>
    <rPh sb="31" eb="33">
      <t>シバエ</t>
    </rPh>
    <phoneticPr fontId="33"/>
  </si>
  <si>
    <t>齋藤　大史</t>
    <rPh sb="0" eb="2">
      <t>サイトウ</t>
    </rPh>
    <rPh sb="3" eb="4">
      <t>ダイ</t>
    </rPh>
    <rPh sb="4" eb="5">
      <t>シ</t>
    </rPh>
    <phoneticPr fontId="33"/>
  </si>
  <si>
    <t>西部　将史</t>
    <rPh sb="0" eb="2">
      <t>ニシベ</t>
    </rPh>
    <rPh sb="3" eb="4">
      <t>マサ</t>
    </rPh>
    <rPh sb="4" eb="5">
      <t>シ</t>
    </rPh>
    <phoneticPr fontId="33"/>
  </si>
  <si>
    <t>相馬　和也</t>
    <rPh sb="0" eb="2">
      <t>ソウマ</t>
    </rPh>
    <rPh sb="3" eb="5">
      <t>カズヤ</t>
    </rPh>
    <phoneticPr fontId="33"/>
  </si>
  <si>
    <t>多田　光里</t>
    <rPh sb="0" eb="2">
      <t>タダ</t>
    </rPh>
    <rPh sb="3" eb="4">
      <t>ヒカリ</t>
    </rPh>
    <rPh sb="4" eb="5">
      <t>リ</t>
    </rPh>
    <phoneticPr fontId="33"/>
  </si>
  <si>
    <t>木原　葉子</t>
    <rPh sb="0" eb="2">
      <t>キハラ</t>
    </rPh>
    <rPh sb="3" eb="5">
      <t>ヨウコ</t>
    </rPh>
    <phoneticPr fontId="33"/>
  </si>
  <si>
    <t>五日市　実侑</t>
    <rPh sb="0" eb="3">
      <t>イツカイチ</t>
    </rPh>
    <phoneticPr fontId="33"/>
  </si>
  <si>
    <t>川崎　忍</t>
    <rPh sb="0" eb="2">
      <t>カワサキ</t>
    </rPh>
    <rPh sb="3" eb="4">
      <t>シノブ</t>
    </rPh>
    <phoneticPr fontId="33"/>
  </si>
  <si>
    <t>上田　菜々子</t>
    <rPh sb="0" eb="2">
      <t>ウエダ</t>
    </rPh>
    <rPh sb="3" eb="6">
      <t>ナナコ</t>
    </rPh>
    <phoneticPr fontId="33"/>
  </si>
  <si>
    <t>森　達也</t>
    <rPh sb="0" eb="1">
      <t>モリ</t>
    </rPh>
    <rPh sb="2" eb="4">
      <t>タツヤ</t>
    </rPh>
    <phoneticPr fontId="33"/>
  </si>
  <si>
    <t>永井　生</t>
    <rPh sb="0" eb="2">
      <t>ナガイ</t>
    </rPh>
    <rPh sb="3" eb="4">
      <t>イ</t>
    </rPh>
    <phoneticPr fontId="33"/>
  </si>
  <si>
    <t>藤田　智紀</t>
    <rPh sb="0" eb="2">
      <t>フジタ</t>
    </rPh>
    <rPh sb="3" eb="5">
      <t>トモノリ</t>
    </rPh>
    <phoneticPr fontId="33"/>
  </si>
  <si>
    <t>渡邉　裕志</t>
    <rPh sb="0" eb="2">
      <t>ワタナベ</t>
    </rPh>
    <rPh sb="3" eb="4">
      <t>ユウ</t>
    </rPh>
    <rPh sb="4" eb="5">
      <t>ココロザシ</t>
    </rPh>
    <phoneticPr fontId="33"/>
  </si>
  <si>
    <t>藤村　弘太</t>
    <rPh sb="0" eb="2">
      <t>フジムラ</t>
    </rPh>
    <rPh sb="3" eb="5">
      <t>コウタ</t>
    </rPh>
    <phoneticPr fontId="33"/>
  </si>
  <si>
    <t>原田　洋樹</t>
    <rPh sb="0" eb="2">
      <t>ハラダ</t>
    </rPh>
    <rPh sb="3" eb="4">
      <t>ヨウ</t>
    </rPh>
    <rPh sb="4" eb="5">
      <t>キ</t>
    </rPh>
    <phoneticPr fontId="33"/>
  </si>
  <si>
    <t>3.49.1</t>
    <phoneticPr fontId="33"/>
  </si>
  <si>
    <t>3.51.4</t>
    <phoneticPr fontId="33"/>
  </si>
  <si>
    <t>記録</t>
    <rPh sb="0" eb="2">
      <t>キロク</t>
    </rPh>
    <phoneticPr fontId="33"/>
  </si>
  <si>
    <t>さよならクボケンまた会う日まで</t>
    <rPh sb="10" eb="11">
      <t>ア</t>
    </rPh>
    <rPh sb="12" eb="13">
      <t>ヒ</t>
    </rPh>
    <phoneticPr fontId="33"/>
  </si>
  <si>
    <t>チーム加藤里奈様</t>
    <rPh sb="3" eb="5">
      <t>カトウ</t>
    </rPh>
    <rPh sb="5" eb="7">
      <t>リナ</t>
    </rPh>
    <rPh sb="7" eb="8">
      <t>サマ</t>
    </rPh>
    <phoneticPr fontId="33"/>
  </si>
  <si>
    <t>チーム紅一点</t>
    <rPh sb="3" eb="6">
      <t>コウイッテン</t>
    </rPh>
    <phoneticPr fontId="33"/>
  </si>
  <si>
    <t>「農工戦マイル」というお話</t>
    <rPh sb="1" eb="3">
      <t>ノウコウ</t>
    </rPh>
    <rPh sb="3" eb="4">
      <t>セン</t>
    </rPh>
    <rPh sb="12" eb="13">
      <t>ハナシ</t>
    </rPh>
    <phoneticPr fontId="33"/>
  </si>
  <si>
    <t>五日市を400選手にするマイル</t>
    <rPh sb="0" eb="3">
      <t>イツカイチ</t>
    </rPh>
    <rPh sb="7" eb="9">
      <t>センシュ</t>
    </rPh>
    <phoneticPr fontId="33"/>
  </si>
  <si>
    <t>4.41.1</t>
    <phoneticPr fontId="33"/>
  </si>
  <si>
    <t>4.41.8</t>
    <phoneticPr fontId="33"/>
  </si>
  <si>
    <t>駿台99周年</t>
    <rPh sb="0" eb="2">
      <t>スンダイ</t>
    </rPh>
    <rPh sb="4" eb="6">
      <t>シュウネン</t>
    </rPh>
    <phoneticPr fontId="33"/>
  </si>
  <si>
    <t>マユサンズ</t>
    <phoneticPr fontId="33"/>
  </si>
  <si>
    <t>駿台はクソ</t>
    <rPh sb="0" eb="2">
      <t>スンダイ</t>
    </rPh>
    <phoneticPr fontId="33"/>
  </si>
  <si>
    <t>チーム北陸</t>
    <rPh sb="3" eb="5">
      <t>ホクリク</t>
    </rPh>
    <phoneticPr fontId="33"/>
  </si>
  <si>
    <t>無機志望、待ってろ永井さん！！</t>
    <rPh sb="0" eb="2">
      <t>ムキ</t>
    </rPh>
    <rPh sb="2" eb="4">
      <t>シボウ</t>
    </rPh>
    <rPh sb="5" eb="6">
      <t>マ</t>
    </rPh>
    <rPh sb="9" eb="11">
      <t>ナガイ</t>
    </rPh>
    <phoneticPr fontId="33"/>
  </si>
  <si>
    <t>土田　周治</t>
  </si>
  <si>
    <t>赤塚　洋介</t>
  </si>
  <si>
    <t>福井　義光</t>
  </si>
  <si>
    <t>櫛田　優</t>
  </si>
  <si>
    <t>山崎　柾也</t>
  </si>
  <si>
    <t>山崎　柾也</t>
    <rPh sb="0" eb="2">
      <t>ヤマザキ</t>
    </rPh>
    <rPh sb="3" eb="4">
      <t>マサ</t>
    </rPh>
    <rPh sb="4" eb="5">
      <t>ヤ</t>
    </rPh>
    <phoneticPr fontId="33"/>
  </si>
  <si>
    <t>竹岡　大</t>
    <rPh sb="0" eb="2">
      <t>タケオカ</t>
    </rPh>
    <rPh sb="3" eb="4">
      <t>ダイ</t>
    </rPh>
    <phoneticPr fontId="33"/>
  </si>
  <si>
    <t>梶原　健渡</t>
    <rPh sb="0" eb="2">
      <t>カジワラ</t>
    </rPh>
    <rPh sb="3" eb="4">
      <t>ケン</t>
    </rPh>
    <rPh sb="4" eb="5">
      <t>ワタル</t>
    </rPh>
    <phoneticPr fontId="33"/>
  </si>
  <si>
    <t>菊池　泰生</t>
    <rPh sb="0" eb="2">
      <t>キクチ</t>
    </rPh>
    <rPh sb="3" eb="5">
      <t>ヤスオ</t>
    </rPh>
    <phoneticPr fontId="33"/>
  </si>
  <si>
    <t>岡田　マキ</t>
    <rPh sb="0" eb="2">
      <t>オカダ</t>
    </rPh>
    <phoneticPr fontId="33"/>
  </si>
  <si>
    <t>木野　雄路</t>
    <rPh sb="0" eb="2">
      <t>キノ</t>
    </rPh>
    <rPh sb="3" eb="4">
      <t>オス</t>
    </rPh>
    <rPh sb="4" eb="5">
      <t>ロ</t>
    </rPh>
    <phoneticPr fontId="33"/>
  </si>
  <si>
    <t>広瀬　雄也</t>
    <rPh sb="0" eb="2">
      <t>ヒロセ</t>
    </rPh>
    <rPh sb="3" eb="5">
      <t>ユウヤ</t>
    </rPh>
    <phoneticPr fontId="33"/>
  </si>
  <si>
    <t>マユサンズ</t>
    <phoneticPr fontId="33"/>
  </si>
  <si>
    <t>4.12.2</t>
    <phoneticPr fontId="33"/>
  </si>
  <si>
    <t>4.12.9</t>
    <phoneticPr fontId="33"/>
  </si>
  <si>
    <t>4.15.7</t>
    <phoneticPr fontId="33"/>
  </si>
  <si>
    <t>4.50.7</t>
    <phoneticPr fontId="33"/>
  </si>
  <si>
    <t>4.54.3</t>
    <phoneticPr fontId="33"/>
  </si>
  <si>
    <t>内山・飯坂</t>
    <rPh sb="0" eb="2">
      <t>ウチヤマ</t>
    </rPh>
    <rPh sb="3" eb="5">
      <t>イイザカ</t>
    </rPh>
    <phoneticPr fontId="33"/>
  </si>
  <si>
    <t>大谷・足立</t>
    <rPh sb="3" eb="5">
      <t>アダチ</t>
    </rPh>
    <phoneticPr fontId="33"/>
  </si>
  <si>
    <t>DB</t>
    <phoneticPr fontId="33"/>
  </si>
  <si>
    <t>ビジネスライク</t>
    <phoneticPr fontId="33"/>
  </si>
  <si>
    <t>浦高マイルウマッ♂</t>
    <rPh sb="0" eb="1">
      <t>ウラ</t>
    </rPh>
    <rPh sb="1" eb="2">
      <t>ダカ</t>
    </rPh>
    <phoneticPr fontId="33"/>
  </si>
  <si>
    <t>ヨコハマイル</t>
    <phoneticPr fontId="33"/>
  </si>
  <si>
    <t>福井　義光</t>
    <phoneticPr fontId="33"/>
  </si>
  <si>
    <t>片瀬　悠喜</t>
  </si>
  <si>
    <t>4.25.1</t>
    <phoneticPr fontId="33"/>
  </si>
  <si>
    <t>4.27.3</t>
    <phoneticPr fontId="33"/>
  </si>
  <si>
    <t>4.52.7</t>
    <phoneticPr fontId="33"/>
  </si>
  <si>
    <t>4.53.8</t>
    <phoneticPr fontId="33"/>
  </si>
  <si>
    <t>順位</t>
    <rPh sb="0" eb="2">
      <t>ジュンイ</t>
    </rPh>
    <phoneticPr fontId="33"/>
  </si>
  <si>
    <t>福井　義光</t>
    <rPh sb="0" eb="2">
      <t>フクイ</t>
    </rPh>
    <phoneticPr fontId="33"/>
  </si>
  <si>
    <t>当日受付</t>
    <rPh sb="0" eb="4">
      <t>トウジツウケツケ</t>
    </rPh>
    <phoneticPr fontId="33"/>
  </si>
  <si>
    <t>1ｍ65</t>
    <phoneticPr fontId="33"/>
  </si>
  <si>
    <t>NM</t>
    <phoneticPr fontId="33"/>
  </si>
  <si>
    <t>1ｍ90</t>
    <phoneticPr fontId="33"/>
  </si>
  <si>
    <t>1ｍ55</t>
    <phoneticPr fontId="33"/>
  </si>
  <si>
    <t>DNS</t>
    <phoneticPr fontId="33"/>
  </si>
  <si>
    <t>DNS</t>
    <phoneticPr fontId="33"/>
  </si>
  <si>
    <t>1ｍ40</t>
    <phoneticPr fontId="33"/>
  </si>
  <si>
    <t>2ｍ05</t>
    <phoneticPr fontId="33"/>
  </si>
  <si>
    <t>14.6　 永島　唯哉(東工大)2014、2017</t>
    <rPh sb="12" eb="15">
      <t>トウコウダイ</t>
    </rPh>
    <phoneticPr fontId="33"/>
  </si>
  <si>
    <t>21.5</t>
    <phoneticPr fontId="33"/>
  </si>
  <si>
    <t>横山　毅仁</t>
    <phoneticPr fontId="33"/>
  </si>
  <si>
    <t>横山　毅仁(東工大)2017</t>
    <rPh sb="6" eb="9">
      <t>トウコウダイ</t>
    </rPh>
    <phoneticPr fontId="33"/>
  </si>
  <si>
    <t>5ｍ77</t>
    <phoneticPr fontId="33"/>
  </si>
  <si>
    <t>5ｍ61</t>
    <phoneticPr fontId="33"/>
  </si>
  <si>
    <t>×</t>
    <phoneticPr fontId="33"/>
  </si>
  <si>
    <t>6ｍ23</t>
    <phoneticPr fontId="33"/>
  </si>
  <si>
    <t>6ｍ55</t>
    <phoneticPr fontId="33"/>
  </si>
  <si>
    <t>6ｍ62</t>
    <phoneticPr fontId="33"/>
  </si>
  <si>
    <t>5ｍ53</t>
    <phoneticPr fontId="33"/>
  </si>
  <si>
    <t>5ｍ58</t>
    <phoneticPr fontId="33"/>
  </si>
  <si>
    <t>5ｍ43</t>
    <phoneticPr fontId="33"/>
  </si>
  <si>
    <t>5ｍ16</t>
    <phoneticPr fontId="33"/>
  </si>
  <si>
    <t>5ｍ39</t>
    <phoneticPr fontId="33"/>
  </si>
  <si>
    <t>×</t>
    <phoneticPr fontId="33"/>
  </si>
  <si>
    <t>DNS</t>
    <phoneticPr fontId="33"/>
  </si>
  <si>
    <t>OB</t>
    <phoneticPr fontId="33"/>
  </si>
  <si>
    <t>5ｍ10</t>
    <phoneticPr fontId="33"/>
  </si>
  <si>
    <t>5ｍ28</t>
    <phoneticPr fontId="33"/>
  </si>
  <si>
    <t>5ｍ44</t>
    <phoneticPr fontId="33"/>
  </si>
  <si>
    <t>6ｍ24</t>
    <phoneticPr fontId="33"/>
  </si>
  <si>
    <t>6ｍ39</t>
    <phoneticPr fontId="33"/>
  </si>
  <si>
    <t>6ｍ39</t>
    <phoneticPr fontId="33"/>
  </si>
  <si>
    <t>2ｍ70</t>
    <phoneticPr fontId="33"/>
  </si>
  <si>
    <t>5ｍ72</t>
    <phoneticPr fontId="33"/>
  </si>
  <si>
    <t>5ｍ83</t>
    <phoneticPr fontId="33"/>
  </si>
  <si>
    <t>5ｍ79</t>
    <phoneticPr fontId="33"/>
  </si>
  <si>
    <t>2ｍ70</t>
    <phoneticPr fontId="33"/>
  </si>
  <si>
    <t>5ｍ83</t>
    <phoneticPr fontId="33"/>
  </si>
  <si>
    <t>5ｍ79</t>
    <phoneticPr fontId="33"/>
  </si>
  <si>
    <t>2ｍ43</t>
    <phoneticPr fontId="33"/>
  </si>
  <si>
    <t>5ｍ63</t>
    <phoneticPr fontId="33"/>
  </si>
  <si>
    <t>2ｍ53</t>
    <phoneticPr fontId="33"/>
  </si>
  <si>
    <t>5ｍ67</t>
    <phoneticPr fontId="33"/>
  </si>
  <si>
    <t>赤塚　洋介</t>
    <rPh sb="0" eb="2">
      <t>アカツカ</t>
    </rPh>
    <rPh sb="3" eb="5">
      <t>ヨウスケ</t>
    </rPh>
    <phoneticPr fontId="33"/>
  </si>
  <si>
    <t>広瀬　雄也</t>
    <rPh sb="0" eb="2">
      <t>ヒロセ</t>
    </rPh>
    <rPh sb="3" eb="4">
      <t>オス</t>
    </rPh>
    <rPh sb="4" eb="5">
      <t>ヤ</t>
    </rPh>
    <phoneticPr fontId="33"/>
  </si>
  <si>
    <t>植竹　敦</t>
    <rPh sb="0" eb="2">
      <t>ウエタケ</t>
    </rPh>
    <rPh sb="3" eb="4">
      <t>アツシ</t>
    </rPh>
    <phoneticPr fontId="33"/>
  </si>
  <si>
    <t>櫛田　優</t>
    <rPh sb="0" eb="2">
      <t>クシダ</t>
    </rPh>
    <rPh sb="3" eb="4">
      <t>ユウ</t>
    </rPh>
    <phoneticPr fontId="33"/>
  </si>
  <si>
    <t>農工大</t>
    <rPh sb="0" eb="3">
      <t>ノウコウダイ</t>
    </rPh>
    <phoneticPr fontId="33"/>
  </si>
  <si>
    <t>横田　有真</t>
    <rPh sb="0" eb="2">
      <t>ヨコダ</t>
    </rPh>
    <rPh sb="3" eb="4">
      <t>ユウ</t>
    </rPh>
    <rPh sb="4" eb="5">
      <t>シン</t>
    </rPh>
    <phoneticPr fontId="33"/>
  </si>
  <si>
    <t>東工大</t>
    <rPh sb="0" eb="3">
      <t>トウコウダイ</t>
    </rPh>
    <phoneticPr fontId="33"/>
  </si>
  <si>
    <t>6ｍ49</t>
    <phoneticPr fontId="33"/>
  </si>
  <si>
    <t>7ｍ74</t>
    <phoneticPr fontId="33"/>
  </si>
  <si>
    <t>8ｍ93</t>
    <phoneticPr fontId="33"/>
  </si>
  <si>
    <t>6ｍ24</t>
    <phoneticPr fontId="33"/>
  </si>
  <si>
    <t>6ｍ45</t>
    <phoneticPr fontId="33"/>
  </si>
  <si>
    <t>8ｍ79</t>
    <phoneticPr fontId="33"/>
  </si>
  <si>
    <t>6ｍ46</t>
    <phoneticPr fontId="33"/>
  </si>
  <si>
    <t>7ｍ17</t>
    <phoneticPr fontId="33"/>
  </si>
  <si>
    <t>8ｍ13</t>
    <phoneticPr fontId="33"/>
  </si>
  <si>
    <t>7ｍ73</t>
    <phoneticPr fontId="33"/>
  </si>
  <si>
    <t>7ｍ74</t>
    <phoneticPr fontId="33"/>
  </si>
  <si>
    <t>8ｍ13</t>
    <phoneticPr fontId="33"/>
  </si>
  <si>
    <t>8ｍ93</t>
    <phoneticPr fontId="33"/>
  </si>
  <si>
    <t>6ｍ38</t>
    <phoneticPr fontId="33"/>
  </si>
  <si>
    <t>6ｍ45</t>
    <phoneticPr fontId="33"/>
  </si>
  <si>
    <t>7ｍ50</t>
    <phoneticPr fontId="33"/>
  </si>
  <si>
    <t>8ｍ72</t>
    <phoneticPr fontId="33"/>
  </si>
  <si>
    <t>5ｍ58</t>
    <phoneticPr fontId="33"/>
  </si>
  <si>
    <t>6ｍ56</t>
    <phoneticPr fontId="33"/>
  </si>
  <si>
    <t>6ｍ53</t>
    <phoneticPr fontId="33"/>
  </si>
  <si>
    <t>6ｍ70</t>
    <phoneticPr fontId="33"/>
  </si>
  <si>
    <t>7ｍ32</t>
    <phoneticPr fontId="33"/>
  </si>
  <si>
    <t>7ｍ97</t>
    <phoneticPr fontId="33"/>
  </si>
  <si>
    <t>8ｍ49</t>
    <phoneticPr fontId="33"/>
  </si>
  <si>
    <t>5ｍ73</t>
    <phoneticPr fontId="33"/>
  </si>
  <si>
    <t>6ｍ53</t>
    <phoneticPr fontId="33"/>
  </si>
  <si>
    <t>6ｍ37</t>
    <phoneticPr fontId="33"/>
  </si>
  <si>
    <t>7ｍ35</t>
    <phoneticPr fontId="33"/>
  </si>
  <si>
    <t>7ｍ62</t>
    <phoneticPr fontId="33"/>
  </si>
  <si>
    <t>9ｍ09</t>
    <phoneticPr fontId="33"/>
  </si>
  <si>
    <t>6ｍ99</t>
    <phoneticPr fontId="33"/>
  </si>
  <si>
    <t>7ｍ97</t>
    <phoneticPr fontId="33"/>
  </si>
  <si>
    <t>9ｍ09</t>
    <phoneticPr fontId="33"/>
  </si>
  <si>
    <t>5ｍ73</t>
    <phoneticPr fontId="33"/>
  </si>
  <si>
    <t>6ｍ99</t>
    <phoneticPr fontId="33"/>
  </si>
  <si>
    <t>石井　裕太</t>
  </si>
  <si>
    <t>日向　孝太</t>
    <rPh sb="0" eb="2">
      <t>ヒナタ</t>
    </rPh>
    <rPh sb="3" eb="4">
      <t>コウ</t>
    </rPh>
    <rPh sb="4" eb="5">
      <t>タ</t>
    </rPh>
    <phoneticPr fontId="3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0.00_);[Red]\(0.00\)"/>
    <numFmt numFmtId="177" formatCode="0.00_ "/>
    <numFmt numFmtId="178" formatCode="0_ "/>
    <numFmt numFmtId="179" formatCode="00"/>
    <numFmt numFmtId="180" formatCode="0.000"/>
    <numFmt numFmtId="181" formatCode="0.0"/>
  </numFmts>
  <fonts count="45"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6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48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22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0"/>
      <color rgb="FF000000"/>
      <name val="Arial"/>
      <family val="2"/>
    </font>
    <font>
      <sz val="1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  <scheme val="minor"/>
    </font>
    <font>
      <sz val="11"/>
      <color rgb="FF000000"/>
      <name val="ＭＳ Ｐゴシック"/>
      <family val="3"/>
      <charset val="128"/>
      <scheme val="minor"/>
    </font>
    <font>
      <sz val="11"/>
      <color rgb="FF000000"/>
      <name val="MS PGothic"/>
      <family val="2"/>
    </font>
    <font>
      <sz val="6"/>
      <name val="ＭＳ Ｐゴシック"/>
      <family val="2"/>
      <charset val="128"/>
      <scheme val="minor"/>
    </font>
    <font>
      <sz val="10"/>
      <color rgb="FF000000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  <scheme val="minor"/>
    </font>
  </fonts>
  <fills count="25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6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30"/>
        <bgColor indexed="64"/>
      </patternFill>
    </fill>
    <fill>
      <patternFill patternType="solid">
        <fgColor indexed="36"/>
        <bgColor indexed="64"/>
      </patternFill>
    </fill>
    <fill>
      <patternFill patternType="solid">
        <fgColor indexed="49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62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9"/>
        <bgColor indexed="64"/>
      </patternFill>
    </fill>
  </fills>
  <borders count="33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</borders>
  <cellStyleXfs count="53">
    <xf numFmtId="0" fontId="0" fillId="0" borderId="0">
      <alignment vertical="center"/>
    </xf>
    <xf numFmtId="0" fontId="32" fillId="2" borderId="0" applyNumberFormat="0" applyBorder="0" applyAlignment="0" applyProtection="0">
      <alignment vertical="center"/>
    </xf>
    <xf numFmtId="0" fontId="32" fillId="3" borderId="0" applyNumberFormat="0" applyBorder="0" applyAlignment="0" applyProtection="0">
      <alignment vertical="center"/>
    </xf>
    <xf numFmtId="0" fontId="32" fillId="4" borderId="0" applyNumberFormat="0" applyBorder="0" applyAlignment="0" applyProtection="0">
      <alignment vertical="center"/>
    </xf>
    <xf numFmtId="0" fontId="32" fillId="5" borderId="0" applyNumberFormat="0" applyBorder="0" applyAlignment="0" applyProtection="0">
      <alignment vertical="center"/>
    </xf>
    <xf numFmtId="0" fontId="32" fillId="6" borderId="0" applyNumberFormat="0" applyBorder="0" applyAlignment="0" applyProtection="0">
      <alignment vertical="center"/>
    </xf>
    <xf numFmtId="0" fontId="32" fillId="7" borderId="0" applyNumberFormat="0" applyBorder="0" applyAlignment="0" applyProtection="0">
      <alignment vertical="center"/>
    </xf>
    <xf numFmtId="0" fontId="32" fillId="8" borderId="0" applyNumberFormat="0" applyBorder="0" applyAlignment="0" applyProtection="0">
      <alignment vertical="center"/>
    </xf>
    <xf numFmtId="0" fontId="32" fillId="9" borderId="0" applyNumberFormat="0" applyBorder="0" applyAlignment="0" applyProtection="0">
      <alignment vertical="center"/>
    </xf>
    <xf numFmtId="0" fontId="32" fillId="10" borderId="0" applyNumberFormat="0" applyBorder="0" applyAlignment="0" applyProtection="0">
      <alignment vertical="center"/>
    </xf>
    <xf numFmtId="0" fontId="32" fillId="5" borderId="0" applyNumberFormat="0" applyBorder="0" applyAlignment="0" applyProtection="0">
      <alignment vertical="center"/>
    </xf>
    <xf numFmtId="0" fontId="32" fillId="8" borderId="0" applyNumberFormat="0" applyBorder="0" applyAlignment="0" applyProtection="0">
      <alignment vertical="center"/>
    </xf>
    <xf numFmtId="0" fontId="32" fillId="11" borderId="0" applyNumberFormat="0" applyBorder="0" applyAlignment="0" applyProtection="0">
      <alignment vertical="center"/>
    </xf>
    <xf numFmtId="0" fontId="7" fillId="12" borderId="0" applyNumberFormat="0" applyBorder="0" applyAlignment="0" applyProtection="0">
      <alignment vertical="center"/>
    </xf>
    <xf numFmtId="0" fontId="7" fillId="9" borderId="0" applyNumberFormat="0" applyBorder="0" applyAlignment="0" applyProtection="0">
      <alignment vertical="center"/>
    </xf>
    <xf numFmtId="0" fontId="7" fillId="10" borderId="0" applyNumberFormat="0" applyBorder="0" applyAlignment="0" applyProtection="0">
      <alignment vertical="center"/>
    </xf>
    <xf numFmtId="0" fontId="7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0" borderId="1" applyNumberFormat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32" fillId="22" borderId="2" applyNumberFormat="0" applyFont="0" applyAlignment="0" applyProtection="0">
      <alignment vertical="center"/>
    </xf>
    <xf numFmtId="0" fontId="11" fillId="0" borderId="3" applyNumberFormat="0" applyFill="0" applyAlignment="0" applyProtection="0">
      <alignment vertical="center"/>
    </xf>
    <xf numFmtId="0" fontId="12" fillId="3" borderId="0" applyNumberFormat="0" applyBorder="0" applyAlignment="0" applyProtection="0">
      <alignment vertical="center"/>
    </xf>
    <xf numFmtId="0" fontId="13" fillId="23" borderId="4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32" fillId="0" borderId="0" applyFont="0" applyFill="0" applyBorder="0" applyAlignment="0" applyProtection="0">
      <alignment vertical="center"/>
    </xf>
    <xf numFmtId="0" fontId="15" fillId="0" borderId="5" applyNumberFormat="0" applyFill="0" applyAlignment="0" applyProtection="0">
      <alignment vertical="center"/>
    </xf>
    <xf numFmtId="0" fontId="16" fillId="0" borderId="6" applyNumberFormat="0" applyFill="0" applyAlignment="0" applyProtection="0">
      <alignment vertical="center"/>
    </xf>
    <xf numFmtId="0" fontId="17" fillId="0" borderId="7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8" applyNumberFormat="0" applyFill="0" applyAlignment="0" applyProtection="0">
      <alignment vertical="center"/>
    </xf>
    <xf numFmtId="0" fontId="19" fillId="23" borderId="9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7" borderId="4" applyNumberFormat="0" applyAlignment="0" applyProtection="0">
      <alignment vertical="center"/>
    </xf>
    <xf numFmtId="0" fontId="5" fillId="0" borderId="0"/>
    <xf numFmtId="0" fontId="6" fillId="0" borderId="0">
      <alignment vertical="center"/>
    </xf>
    <xf numFmtId="0" fontId="5" fillId="0" borderId="0">
      <alignment vertical="center"/>
    </xf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22" fillId="0" borderId="0"/>
    <xf numFmtId="0" fontId="23" fillId="4" borderId="0" applyNumberFormat="0" applyBorder="0" applyAlignment="0" applyProtection="0">
      <alignment vertical="center"/>
    </xf>
  </cellStyleXfs>
  <cellXfs count="532">
    <xf numFmtId="0" fontId="0" fillId="0" borderId="0" xfId="0">
      <alignment vertical="center"/>
    </xf>
    <xf numFmtId="49" fontId="6" fillId="0" borderId="0" xfId="42" applyNumberFormat="1" applyFont="1"/>
    <xf numFmtId="49" fontId="6" fillId="0" borderId="0" xfId="42" applyNumberFormat="1" applyFont="1" applyAlignment="1">
      <alignment horizontal="right"/>
    </xf>
    <xf numFmtId="49" fontId="6" fillId="0" borderId="0" xfId="42" applyNumberFormat="1" applyFont="1" applyAlignment="1">
      <alignment horizontal="center"/>
    </xf>
    <xf numFmtId="0" fontId="5" fillId="0" borderId="0" xfId="42"/>
    <xf numFmtId="49" fontId="6" fillId="0" borderId="0" xfId="42" applyNumberFormat="1" applyFont="1" applyBorder="1"/>
    <xf numFmtId="49" fontId="6" fillId="0" borderId="0" xfId="42" applyNumberFormat="1" applyFont="1" applyBorder="1" applyAlignment="1">
      <alignment horizontal="center"/>
    </xf>
    <xf numFmtId="0" fontId="6" fillId="0" borderId="0" xfId="49" applyFont="1" applyBorder="1" applyAlignment="1" applyProtection="1">
      <alignment shrinkToFit="1"/>
      <protection locked="0"/>
    </xf>
    <xf numFmtId="0" fontId="6" fillId="0" borderId="0" xfId="49" applyFont="1" applyBorder="1" applyAlignment="1" applyProtection="1">
      <alignment horizontal="right"/>
      <protection locked="0"/>
    </xf>
    <xf numFmtId="49" fontId="6" fillId="0" borderId="0" xfId="49" applyNumberFormat="1" applyFont="1" applyBorder="1" applyAlignment="1" applyProtection="1">
      <alignment horizontal="center" shrinkToFit="1"/>
      <protection locked="0"/>
    </xf>
    <xf numFmtId="49" fontId="4" fillId="0" borderId="10" xfId="42" applyNumberFormat="1" applyFont="1" applyBorder="1" applyAlignment="1"/>
    <xf numFmtId="49" fontId="6" fillId="0" borderId="10" xfId="42" applyNumberFormat="1" applyFont="1" applyBorder="1" applyAlignment="1">
      <alignment horizontal="center"/>
    </xf>
    <xf numFmtId="49" fontId="6" fillId="0" borderId="10" xfId="42" applyNumberFormat="1" applyFont="1" applyBorder="1" applyAlignment="1"/>
    <xf numFmtId="49" fontId="6" fillId="0" borderId="10" xfId="42" applyNumberFormat="1" applyFont="1" applyBorder="1"/>
    <xf numFmtId="0" fontId="5" fillId="0" borderId="0" xfId="42" applyBorder="1"/>
    <xf numFmtId="49" fontId="6" fillId="0" borderId="11" xfId="42" applyNumberFormat="1" applyFont="1" applyBorder="1" applyAlignment="1">
      <alignment horizontal="center"/>
    </xf>
    <xf numFmtId="49" fontId="6" fillId="0" borderId="11" xfId="42" applyNumberFormat="1" applyFont="1" applyBorder="1"/>
    <xf numFmtId="49" fontId="6" fillId="0" borderId="0" xfId="42" applyNumberFormat="1" applyFont="1" applyBorder="1" applyAlignment="1"/>
    <xf numFmtId="49" fontId="6" fillId="0" borderId="0" xfId="42" applyNumberFormat="1" applyFont="1" applyBorder="1" applyAlignment="1">
      <alignment horizontal="right"/>
    </xf>
    <xf numFmtId="49" fontId="6" fillId="0" borderId="0" xfId="43" applyNumberFormat="1" applyFont="1" applyBorder="1" applyAlignment="1">
      <alignment horizontal="center" vertical="center"/>
    </xf>
    <xf numFmtId="0" fontId="6" fillId="0" borderId="0" xfId="42" applyFont="1" applyAlignment="1">
      <alignment horizontal="right"/>
    </xf>
    <xf numFmtId="0" fontId="6" fillId="0" borderId="0" xfId="42" applyFont="1" applyAlignment="1">
      <alignment horizontal="center"/>
    </xf>
    <xf numFmtId="49" fontId="6" fillId="0" borderId="12" xfId="42" applyNumberFormat="1" applyFont="1" applyBorder="1"/>
    <xf numFmtId="49" fontId="6" fillId="0" borderId="12" xfId="42" applyNumberFormat="1" applyFont="1" applyBorder="1" applyAlignment="1">
      <alignment horizontal="center"/>
    </xf>
    <xf numFmtId="0" fontId="0" fillId="0" borderId="13" xfId="0" applyFont="1" applyBorder="1" applyAlignment="1" applyProtection="1">
      <alignment shrinkToFit="1"/>
      <protection locked="0"/>
    </xf>
    <xf numFmtId="49" fontId="5" fillId="0" borderId="10" xfId="42" applyNumberFormat="1" applyFont="1" applyBorder="1" applyAlignment="1">
      <alignment horizontal="center"/>
    </xf>
    <xf numFmtId="0" fontId="0" fillId="0" borderId="10" xfId="0" applyFont="1" applyBorder="1" applyAlignment="1" applyProtection="1">
      <alignment horizontal="center" shrinkToFit="1"/>
      <protection locked="0"/>
    </xf>
    <xf numFmtId="176" fontId="0" fillId="0" borderId="10" xfId="0" applyNumberFormat="1" applyFont="1" applyBorder="1" applyAlignment="1" applyProtection="1">
      <alignment horizontal="center" shrinkToFit="1"/>
      <protection locked="0"/>
    </xf>
    <xf numFmtId="49" fontId="5" fillId="0" borderId="12" xfId="42" applyNumberFormat="1" applyFont="1" applyBorder="1" applyAlignment="1">
      <alignment horizontal="center"/>
    </xf>
    <xf numFmtId="49" fontId="6" fillId="0" borderId="0" xfId="42" applyNumberFormat="1" applyFont="1" applyAlignment="1">
      <alignment horizontal="left"/>
    </xf>
    <xf numFmtId="49" fontId="6" fillId="0" borderId="12" xfId="43" applyNumberFormat="1" applyFont="1" applyBorder="1" applyAlignment="1">
      <alignment horizontal="center" vertical="center"/>
    </xf>
    <xf numFmtId="49" fontId="6" fillId="0" borderId="12" xfId="43" applyNumberFormat="1" applyFont="1" applyBorder="1" applyAlignment="1">
      <alignment horizontal="right" vertical="center"/>
    </xf>
    <xf numFmtId="177" fontId="0" fillId="0" borderId="10" xfId="0" applyNumberFormat="1" applyFont="1" applyBorder="1" applyAlignment="1" applyProtection="1">
      <alignment horizontal="center" shrinkToFit="1"/>
      <protection locked="0"/>
    </xf>
    <xf numFmtId="177" fontId="0" fillId="0" borderId="12" xfId="0" applyNumberFormat="1" applyFont="1" applyBorder="1" applyAlignment="1" applyProtection="1">
      <alignment horizontal="center" shrinkToFit="1"/>
      <protection locked="0"/>
    </xf>
    <xf numFmtId="49" fontId="5" fillId="0" borderId="0" xfId="42" applyNumberFormat="1" applyFont="1" applyBorder="1" applyAlignment="1">
      <alignment horizontal="center"/>
    </xf>
    <xf numFmtId="0" fontId="5" fillId="0" borderId="13" xfId="0" applyFont="1" applyBorder="1" applyAlignment="1" applyProtection="1">
      <alignment shrinkToFit="1"/>
      <protection locked="0"/>
    </xf>
    <xf numFmtId="0" fontId="5" fillId="0" borderId="14" xfId="0" applyFont="1" applyBorder="1" applyAlignment="1" applyProtection="1">
      <alignment shrinkToFit="1"/>
      <protection locked="0"/>
    </xf>
    <xf numFmtId="0" fontId="0" fillId="0" borderId="0" xfId="0" applyBorder="1" applyAlignment="1" applyProtection="1">
      <alignment shrinkToFit="1"/>
      <protection locked="0"/>
    </xf>
    <xf numFmtId="0" fontId="6" fillId="0" borderId="12" xfId="42" applyFont="1" applyBorder="1" applyAlignment="1">
      <alignment horizontal="right"/>
    </xf>
    <xf numFmtId="0" fontId="6" fillId="0" borderId="12" xfId="42" applyFont="1" applyBorder="1" applyAlignment="1">
      <alignment horizontal="center"/>
    </xf>
    <xf numFmtId="0" fontId="0" fillId="0" borderId="13" xfId="0" applyBorder="1" applyAlignment="1" applyProtection="1">
      <alignment shrinkToFit="1"/>
      <protection locked="0"/>
    </xf>
    <xf numFmtId="0" fontId="0" fillId="0" borderId="14" xfId="0" applyBorder="1" applyAlignment="1" applyProtection="1">
      <alignment shrinkToFit="1"/>
      <protection locked="0"/>
    </xf>
    <xf numFmtId="0" fontId="0" fillId="0" borderId="10" xfId="0" applyBorder="1" applyAlignment="1" applyProtection="1">
      <alignment horizontal="center" shrinkToFit="1"/>
      <protection locked="0"/>
    </xf>
    <xf numFmtId="0" fontId="6" fillId="0" borderId="0" xfId="46" applyFont="1" applyBorder="1" applyAlignment="1" applyProtection="1">
      <alignment shrinkToFit="1"/>
      <protection locked="0"/>
    </xf>
    <xf numFmtId="0" fontId="6" fillId="0" borderId="0" xfId="46" applyFont="1" applyBorder="1" applyAlignment="1" applyProtection="1">
      <alignment horizontal="right"/>
      <protection locked="0"/>
    </xf>
    <xf numFmtId="49" fontId="6" fillId="0" borderId="12" xfId="42" applyNumberFormat="1" applyFont="1" applyBorder="1" applyAlignment="1">
      <alignment horizontal="center" vertical="center"/>
    </xf>
    <xf numFmtId="49" fontId="6" fillId="0" borderId="12" xfId="42" applyNumberFormat="1" applyFont="1" applyBorder="1" applyAlignment="1">
      <alignment horizontal="right" vertical="center"/>
    </xf>
    <xf numFmtId="49" fontId="6" fillId="0" borderId="12" xfId="42" applyNumberFormat="1" applyFont="1" applyBorder="1" applyAlignment="1">
      <alignment horizontal="right"/>
    </xf>
    <xf numFmtId="0" fontId="6" fillId="0" borderId="10" xfId="43" applyFont="1" applyBorder="1" applyAlignment="1">
      <alignment horizontal="center" vertical="center" shrinkToFit="1"/>
    </xf>
    <xf numFmtId="176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0" fillId="0" borderId="13" xfId="0" applyFill="1" applyBorder="1" applyAlignment="1" applyProtection="1">
      <alignment shrinkToFit="1"/>
      <protection locked="0"/>
    </xf>
    <xf numFmtId="0" fontId="6" fillId="0" borderId="0" xfId="43" applyFont="1" applyBorder="1" applyAlignment="1">
      <alignment horizontal="center" vertical="center" shrinkToFit="1"/>
    </xf>
    <xf numFmtId="0" fontId="0" fillId="0" borderId="0" xfId="0" applyNumberFormat="1" applyBorder="1" applyAlignment="1" applyProtection="1">
      <alignment shrinkToFit="1"/>
      <protection locked="0"/>
    </xf>
    <xf numFmtId="49" fontId="6" fillId="0" borderId="0" xfId="42" applyNumberFormat="1" applyFont="1" applyAlignment="1"/>
    <xf numFmtId="0" fontId="5" fillId="0" borderId="0" xfId="42" applyAlignment="1">
      <alignment horizontal="center"/>
    </xf>
    <xf numFmtId="0" fontId="5" fillId="0" borderId="0" xfId="42" applyAlignment="1">
      <alignment horizontal="right"/>
    </xf>
    <xf numFmtId="0" fontId="5" fillId="0" borderId="0" xfId="42" applyAlignment="1">
      <alignment horizontal="left"/>
    </xf>
    <xf numFmtId="0" fontId="6" fillId="0" borderId="0" xfId="43" applyFont="1" applyBorder="1">
      <alignment vertical="center"/>
    </xf>
    <xf numFmtId="49" fontId="6" fillId="0" borderId="0" xfId="42" applyNumberFormat="1" applyFont="1" applyBorder="1" applyAlignment="1">
      <alignment horizontal="center" shrinkToFit="1"/>
    </xf>
    <xf numFmtId="49" fontId="4" fillId="0" borderId="10" xfId="42" applyNumberFormat="1" applyFont="1" applyBorder="1" applyAlignment="1">
      <alignment horizontal="center"/>
    </xf>
    <xf numFmtId="49" fontId="4" fillId="0" borderId="10" xfId="42" applyNumberFormat="1" applyFont="1" applyBorder="1" applyAlignment="1">
      <alignment horizontal="right"/>
    </xf>
    <xf numFmtId="49" fontId="4" fillId="0" borderId="10" xfId="42" applyNumberFormat="1" applyFont="1" applyBorder="1"/>
    <xf numFmtId="49" fontId="6" fillId="0" borderId="0" xfId="46" applyNumberFormat="1" applyFont="1" applyBorder="1" applyAlignment="1" applyProtection="1">
      <alignment horizontal="center" shrinkToFit="1"/>
      <protection locked="0"/>
    </xf>
    <xf numFmtId="49" fontId="6" fillId="0" borderId="12" xfId="42" applyNumberFormat="1" applyFont="1" applyBorder="1" applyAlignment="1"/>
    <xf numFmtId="49" fontId="6" fillId="0" borderId="15" xfId="42" applyNumberFormat="1" applyFont="1" applyBorder="1" applyAlignment="1">
      <alignment horizontal="center"/>
    </xf>
    <xf numFmtId="0" fontId="0" fillId="0" borderId="10" xfId="0" applyFont="1" applyBorder="1" applyAlignment="1" applyProtection="1">
      <alignment shrinkToFit="1"/>
      <protection locked="0"/>
    </xf>
    <xf numFmtId="0" fontId="5" fillId="0" borderId="10" xfId="43" applyFont="1" applyBorder="1" applyAlignment="1">
      <alignment horizontal="center" vertical="center" shrinkToFit="1"/>
    </xf>
    <xf numFmtId="0" fontId="0" fillId="0" borderId="10" xfId="0" applyFont="1" applyBorder="1" applyAlignment="1" applyProtection="1">
      <alignment horizontal="right" shrinkToFit="1"/>
      <protection locked="0"/>
    </xf>
    <xf numFmtId="0" fontId="0" fillId="24" borderId="10" xfId="0" applyFont="1" applyFill="1" applyBorder="1" applyAlignment="1" applyProtection="1">
      <alignment shrinkToFit="1"/>
      <protection locked="0"/>
    </xf>
    <xf numFmtId="49" fontId="6" fillId="0" borderId="15" xfId="43" applyNumberFormat="1" applyFont="1" applyBorder="1" applyAlignment="1">
      <alignment horizontal="center" vertical="center"/>
    </xf>
    <xf numFmtId="49" fontId="5" fillId="0" borderId="12" xfId="42" applyNumberFormat="1" applyFont="1" applyBorder="1" applyAlignment="1">
      <alignment horizontal="left"/>
    </xf>
    <xf numFmtId="0" fontId="5" fillId="0" borderId="12" xfId="42" applyFont="1" applyBorder="1" applyAlignment="1">
      <alignment horizontal="center"/>
    </xf>
    <xf numFmtId="0" fontId="24" fillId="0" borderId="0" xfId="0" applyFont="1" applyBorder="1" applyAlignment="1" applyProtection="1">
      <alignment shrinkToFit="1"/>
      <protection locked="0"/>
    </xf>
    <xf numFmtId="177" fontId="6" fillId="0" borderId="0" xfId="42" applyNumberFormat="1" applyFont="1" applyBorder="1" applyAlignment="1">
      <alignment horizontal="center"/>
    </xf>
    <xf numFmtId="0" fontId="6" fillId="0" borderId="0" xfId="46" applyFont="1" applyBorder="1" applyAlignment="1" applyProtection="1">
      <alignment horizontal="center" shrinkToFit="1"/>
      <protection locked="0"/>
    </xf>
    <xf numFmtId="0" fontId="0" fillId="0" borderId="10" xfId="0" applyNumberFormat="1" applyFont="1" applyBorder="1" applyAlignment="1" applyProtection="1">
      <alignment horizontal="center" shrinkToFit="1"/>
      <protection locked="0"/>
    </xf>
    <xf numFmtId="0" fontId="0" fillId="0" borderId="0" xfId="0" applyFont="1" applyBorder="1" applyAlignment="1" applyProtection="1">
      <alignment shrinkToFit="1"/>
      <protection locked="0"/>
    </xf>
    <xf numFmtId="0" fontId="0" fillId="0" borderId="0" xfId="0" applyFont="1" applyBorder="1" applyAlignment="1" applyProtection="1">
      <alignment horizontal="center" shrinkToFit="1"/>
      <protection locked="0"/>
    </xf>
    <xf numFmtId="0" fontId="5" fillId="0" borderId="0" xfId="43" applyFont="1" applyBorder="1" applyAlignment="1">
      <alignment horizontal="center" vertical="center" shrinkToFit="1"/>
    </xf>
    <xf numFmtId="0" fontId="0" fillId="0" borderId="0" xfId="0" applyFont="1" applyBorder="1" applyAlignment="1" applyProtection="1">
      <alignment horizontal="right" shrinkToFit="1"/>
      <protection locked="0"/>
    </xf>
    <xf numFmtId="177" fontId="0" fillId="0" borderId="0" xfId="0" applyNumberFormat="1" applyFont="1" applyBorder="1" applyAlignment="1" applyProtection="1">
      <alignment horizontal="center" shrinkToFit="1"/>
      <protection locked="0"/>
    </xf>
    <xf numFmtId="0" fontId="6" fillId="0" borderId="0" xfId="49" applyFont="1" applyBorder="1" applyAlignment="1" applyProtection="1">
      <alignment horizontal="center" shrinkToFit="1"/>
      <protection locked="0"/>
    </xf>
    <xf numFmtId="0" fontId="6" fillId="0" borderId="0" xfId="43" applyFont="1" applyBorder="1" applyAlignment="1" applyProtection="1">
      <alignment shrinkToFit="1"/>
      <protection locked="0"/>
    </xf>
    <xf numFmtId="0" fontId="6" fillId="0" borderId="0" xfId="43" applyFont="1" applyBorder="1" applyAlignment="1" applyProtection="1">
      <alignment horizontal="center" shrinkToFit="1"/>
      <protection locked="0"/>
    </xf>
    <xf numFmtId="0" fontId="6" fillId="0" borderId="0" xfId="43" applyFont="1" applyBorder="1" applyAlignment="1" applyProtection="1">
      <alignment horizontal="right"/>
      <protection locked="0"/>
    </xf>
    <xf numFmtId="0" fontId="6" fillId="0" borderId="0" xfId="42" applyFont="1" applyAlignment="1">
      <alignment horizontal="left"/>
    </xf>
    <xf numFmtId="0" fontId="6" fillId="0" borderId="0" xfId="42" applyFont="1"/>
    <xf numFmtId="0" fontId="5" fillId="0" borderId="0" xfId="42" applyAlignment="1"/>
    <xf numFmtId="0" fontId="6" fillId="0" borderId="11" xfId="43" applyFont="1" applyBorder="1" applyAlignment="1" applyProtection="1">
      <alignment shrinkToFit="1"/>
      <protection locked="0"/>
    </xf>
    <xf numFmtId="0" fontId="6" fillId="0" borderId="11" xfId="43" applyFont="1" applyBorder="1" applyAlignment="1">
      <alignment horizontal="center" vertical="center"/>
    </xf>
    <xf numFmtId="0" fontId="6" fillId="0" borderId="11" xfId="43" applyFont="1" applyBorder="1">
      <alignment vertical="center"/>
    </xf>
    <xf numFmtId="0" fontId="6" fillId="0" borderId="11" xfId="43" applyFont="1" applyBorder="1" applyAlignment="1" applyProtection="1">
      <alignment horizontal="right" shrinkToFit="1"/>
      <protection locked="0"/>
    </xf>
    <xf numFmtId="0" fontId="6" fillId="0" borderId="0" xfId="43" applyFont="1" applyBorder="1" applyAlignment="1">
      <alignment horizontal="center" vertical="center"/>
    </xf>
    <xf numFmtId="0" fontId="5" fillId="0" borderId="10" xfId="43" applyFont="1" applyBorder="1" applyAlignment="1">
      <alignment horizontal="center" vertical="center"/>
    </xf>
    <xf numFmtId="0" fontId="6" fillId="0" borderId="0" xfId="43" applyFont="1" applyBorder="1" applyAlignment="1">
      <alignment horizontal="right" vertical="center"/>
    </xf>
    <xf numFmtId="0" fontId="0" fillId="0" borderId="13" xfId="0" applyFont="1" applyBorder="1" applyAlignment="1" applyProtection="1">
      <alignment horizontal="center" shrinkToFit="1"/>
      <protection locked="0"/>
    </xf>
    <xf numFmtId="0" fontId="6" fillId="0" borderId="0" xfId="43" applyFont="1" applyAlignment="1">
      <alignment vertical="center"/>
    </xf>
    <xf numFmtId="0" fontId="6" fillId="0" borderId="0" xfId="43" applyFont="1">
      <alignment vertical="center"/>
    </xf>
    <xf numFmtId="0" fontId="6" fillId="0" borderId="0" xfId="43" applyFont="1" applyAlignment="1">
      <alignment horizontal="right" vertical="center"/>
    </xf>
    <xf numFmtId="0" fontId="6" fillId="0" borderId="0" xfId="43" applyFont="1" applyAlignment="1">
      <alignment horizontal="center" vertical="center"/>
    </xf>
    <xf numFmtId="0" fontId="6" fillId="0" borderId="0" xfId="43" applyFont="1" applyAlignment="1">
      <alignment horizontal="left" vertical="center"/>
    </xf>
    <xf numFmtId="0" fontId="6" fillId="0" borderId="0" xfId="43" applyFont="1" applyBorder="1" applyAlignment="1">
      <alignment vertical="center"/>
    </xf>
    <xf numFmtId="0" fontId="6" fillId="0" borderId="12" xfId="43" applyFont="1" applyBorder="1">
      <alignment vertical="center"/>
    </xf>
    <xf numFmtId="0" fontId="6" fillId="0" borderId="12" xfId="43" applyFont="1" applyBorder="1" applyAlignment="1">
      <alignment vertical="center"/>
    </xf>
    <xf numFmtId="0" fontId="2" fillId="0" borderId="0" xfId="43" applyFont="1" applyBorder="1" applyAlignment="1">
      <alignment horizontal="left" vertical="center"/>
    </xf>
    <xf numFmtId="0" fontId="2" fillId="0" borderId="0" xfId="43" applyFont="1" applyBorder="1" applyAlignment="1">
      <alignment horizontal="right" vertical="center"/>
    </xf>
    <xf numFmtId="0" fontId="26" fillId="0" borderId="0" xfId="43" applyFont="1" applyBorder="1" applyAlignment="1">
      <alignment horizontal="left" vertical="center"/>
    </xf>
    <xf numFmtId="0" fontId="26" fillId="0" borderId="0" xfId="43" applyFont="1" applyAlignment="1">
      <alignment vertical="center"/>
    </xf>
    <xf numFmtId="0" fontId="26" fillId="0" borderId="0" xfId="43" applyFont="1" applyAlignment="1">
      <alignment horizontal="center" vertical="center"/>
    </xf>
    <xf numFmtId="0" fontId="26" fillId="0" borderId="0" xfId="43" applyFont="1" applyAlignment="1">
      <alignment horizontal="right" vertical="center"/>
    </xf>
    <xf numFmtId="0" fontId="26" fillId="0" borderId="0" xfId="43" applyFont="1" applyBorder="1" applyAlignment="1">
      <alignment horizontal="center" vertical="center"/>
    </xf>
    <xf numFmtId="0" fontId="6" fillId="0" borderId="12" xfId="43" applyFont="1" applyBorder="1" applyAlignment="1">
      <alignment horizontal="center" vertical="center"/>
    </xf>
    <xf numFmtId="0" fontId="6" fillId="0" borderId="0" xfId="43" applyFont="1" applyBorder="1" applyAlignment="1">
      <alignment horizontal="left" vertical="center"/>
    </xf>
    <xf numFmtId="0" fontId="6" fillId="0" borderId="10" xfId="43" applyFont="1" applyBorder="1">
      <alignment vertical="center"/>
    </xf>
    <xf numFmtId="0" fontId="0" fillId="0" borderId="13" xfId="0" applyFont="1" applyBorder="1" applyAlignment="1" applyProtection="1">
      <alignment horizontal="center" vertical="center" shrinkToFit="1"/>
      <protection locked="0"/>
    </xf>
    <xf numFmtId="0" fontId="0" fillId="0" borderId="14" xfId="0" applyFont="1" applyBorder="1" applyAlignment="1" applyProtection="1">
      <alignment horizontal="center" vertical="center" shrinkToFit="1"/>
      <protection locked="0"/>
    </xf>
    <xf numFmtId="0" fontId="0" fillId="0" borderId="10" xfId="0" applyFont="1" applyBorder="1" applyAlignment="1" applyProtection="1">
      <alignment horizontal="center" vertical="center" shrinkToFit="1"/>
      <protection locked="0"/>
    </xf>
    <xf numFmtId="0" fontId="0" fillId="0" borderId="10" xfId="0" applyNumberFormat="1" applyFont="1" applyBorder="1" applyAlignment="1" applyProtection="1">
      <alignment horizontal="center" vertical="center" shrinkToFit="1"/>
      <protection locked="0"/>
    </xf>
    <xf numFmtId="0" fontId="5" fillId="0" borderId="12" xfId="43" applyFont="1" applyBorder="1" applyAlignment="1">
      <alignment horizontal="center" vertical="center"/>
    </xf>
    <xf numFmtId="0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26" fillId="0" borderId="0" xfId="43" applyFont="1" applyBorder="1" applyAlignment="1">
      <alignment horizontal="right" vertical="center"/>
    </xf>
    <xf numFmtId="0" fontId="0" fillId="0" borderId="13" xfId="0" applyFont="1" applyFill="1" applyBorder="1" applyAlignment="1" applyProtection="1">
      <alignment horizontal="center" vertical="center" shrinkToFit="1"/>
      <protection locked="0"/>
    </xf>
    <xf numFmtId="0" fontId="5" fillId="0" borderId="0" xfId="43" applyFont="1" applyBorder="1" applyAlignment="1">
      <alignment horizontal="center" vertical="center"/>
    </xf>
    <xf numFmtId="177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26" fillId="0" borderId="0" xfId="43" applyFont="1" applyBorder="1" applyAlignment="1">
      <alignment vertical="center"/>
    </xf>
    <xf numFmtId="0" fontId="0" fillId="0" borderId="12" xfId="0" applyFont="1" applyBorder="1" applyAlignment="1" applyProtection="1">
      <alignment horizontal="center" vertical="center" shrinkToFit="1"/>
      <protection locked="0"/>
    </xf>
    <xf numFmtId="0" fontId="6" fillId="0" borderId="12" xfId="43" applyFont="1" applyBorder="1" applyAlignment="1">
      <alignment horizontal="right" vertical="center"/>
    </xf>
    <xf numFmtId="0" fontId="6" fillId="0" borderId="10" xfId="43" applyFont="1" applyBorder="1" applyAlignment="1">
      <alignment horizontal="center" vertical="center"/>
    </xf>
    <xf numFmtId="0" fontId="25" fillId="0" borderId="0" xfId="43" applyFont="1" applyAlignment="1">
      <alignment vertical="center"/>
    </xf>
    <xf numFmtId="0" fontId="4" fillId="0" borderId="0" xfId="43" applyFont="1" applyBorder="1" applyAlignment="1">
      <alignment horizontal="left" vertical="center"/>
    </xf>
    <xf numFmtId="0" fontId="2" fillId="0" borderId="0" xfId="43" applyFont="1" applyBorder="1" applyAlignment="1">
      <alignment horizontal="center" vertical="center"/>
    </xf>
    <xf numFmtId="0" fontId="0" fillId="0" borderId="10" xfId="0" applyNumberFormat="1" applyBorder="1" applyAlignment="1" applyProtection="1">
      <alignment horizontal="center" shrinkToFit="1"/>
      <protection locked="0"/>
    </xf>
    <xf numFmtId="0" fontId="0" fillId="0" borderId="12" xfId="0" applyNumberFormat="1" applyBorder="1" applyAlignment="1" applyProtection="1">
      <alignment horizontal="center" shrinkToFit="1"/>
      <protection locked="0"/>
    </xf>
    <xf numFmtId="0" fontId="0" fillId="0" borderId="14" xfId="0" applyFill="1" applyBorder="1" applyAlignment="1" applyProtection="1">
      <alignment shrinkToFit="1"/>
      <protection locked="0"/>
    </xf>
    <xf numFmtId="0" fontId="6" fillId="0" borderId="0" xfId="43">
      <alignment vertical="center"/>
    </xf>
    <xf numFmtId="0" fontId="6" fillId="0" borderId="0" xfId="43" applyAlignment="1">
      <alignment horizontal="center" vertical="center"/>
    </xf>
    <xf numFmtId="0" fontId="25" fillId="0" borderId="0" xfId="42" applyFont="1" applyAlignment="1">
      <alignment vertical="center"/>
    </xf>
    <xf numFmtId="0" fontId="6" fillId="0" borderId="0" xfId="42" applyFont="1" applyBorder="1"/>
    <xf numFmtId="0" fontId="6" fillId="0" borderId="10" xfId="42" applyFont="1" applyBorder="1" applyAlignment="1"/>
    <xf numFmtId="0" fontId="6" fillId="0" borderId="10" xfId="42" applyFont="1" applyBorder="1" applyAlignment="1">
      <alignment horizontal="center"/>
    </xf>
    <xf numFmtId="0" fontId="6" fillId="0" borderId="10" xfId="42" applyFont="1" applyBorder="1"/>
    <xf numFmtId="0" fontId="6" fillId="0" borderId="0" xfId="42" applyFont="1" applyBorder="1" applyAlignment="1"/>
    <xf numFmtId="0" fontId="6" fillId="0" borderId="0" xfId="42" applyFont="1" applyBorder="1" applyAlignment="1">
      <alignment horizontal="left"/>
    </xf>
    <xf numFmtId="0" fontId="6" fillId="0" borderId="12" xfId="42" applyFont="1" applyBorder="1"/>
    <xf numFmtId="0" fontId="6" fillId="0" borderId="0" xfId="42" applyFont="1" applyBorder="1" applyAlignment="1">
      <alignment horizontal="right"/>
    </xf>
    <xf numFmtId="177" fontId="6" fillId="0" borderId="12" xfId="42" applyNumberFormat="1" applyFont="1" applyBorder="1"/>
    <xf numFmtId="177" fontId="6" fillId="0" borderId="10" xfId="42" applyNumberFormat="1" applyFont="1" applyBorder="1"/>
    <xf numFmtId="177" fontId="6" fillId="0" borderId="0" xfId="42" applyNumberFormat="1" applyFont="1"/>
    <xf numFmtId="177" fontId="6" fillId="0" borderId="0" xfId="42" applyNumberFormat="1" applyFont="1" applyAlignment="1">
      <alignment horizontal="left"/>
    </xf>
    <xf numFmtId="177" fontId="6" fillId="0" borderId="0" xfId="42" applyNumberFormat="1" applyFont="1" applyBorder="1" applyAlignment="1"/>
    <xf numFmtId="177" fontId="6" fillId="0" borderId="0" xfId="42" applyNumberFormat="1" applyFont="1" applyBorder="1" applyAlignment="1">
      <alignment horizontal="left"/>
    </xf>
    <xf numFmtId="177" fontId="5" fillId="0" borderId="0" xfId="42" applyNumberFormat="1" applyFont="1"/>
    <xf numFmtId="177" fontId="5" fillId="0" borderId="0" xfId="42" applyNumberFormat="1" applyFont="1" applyAlignment="1">
      <alignment horizontal="left"/>
    </xf>
    <xf numFmtId="0" fontId="0" fillId="0" borderId="13" xfId="0" applyBorder="1" applyAlignment="1" applyProtection="1">
      <alignment horizontal="center" shrinkToFit="1"/>
      <protection locked="0"/>
    </xf>
    <xf numFmtId="0" fontId="0" fillId="0" borderId="17" xfId="0" applyBorder="1" applyAlignment="1" applyProtection="1">
      <alignment shrinkToFit="1"/>
      <protection locked="0"/>
    </xf>
    <xf numFmtId="0" fontId="27" fillId="0" borderId="0" xfId="43" applyFont="1" applyAlignment="1">
      <alignment horizontal="left" vertical="center"/>
    </xf>
    <xf numFmtId="0" fontId="27" fillId="0" borderId="0" xfId="43" applyFont="1" applyAlignment="1">
      <alignment horizontal="right" vertical="center"/>
    </xf>
    <xf numFmtId="0" fontId="27" fillId="0" borderId="0" xfId="43" applyFont="1" applyAlignment="1">
      <alignment horizontal="center" vertical="center"/>
    </xf>
    <xf numFmtId="0" fontId="27" fillId="0" borderId="0" xfId="43" applyFont="1" applyAlignment="1">
      <alignment vertical="center"/>
    </xf>
    <xf numFmtId="0" fontId="2" fillId="0" borderId="0" xfId="43" applyFont="1" applyBorder="1" applyAlignment="1">
      <alignment vertical="center"/>
    </xf>
    <xf numFmtId="0" fontId="27" fillId="0" borderId="12" xfId="43" applyFont="1" applyBorder="1" applyAlignment="1">
      <alignment horizontal="left" vertical="center"/>
    </xf>
    <xf numFmtId="0" fontId="0" fillId="0" borderId="12" xfId="0" applyBorder="1" applyAlignment="1" applyProtection="1">
      <alignment shrinkToFit="1"/>
      <protection locked="0"/>
    </xf>
    <xf numFmtId="0" fontId="27" fillId="0" borderId="12" xfId="43" applyFont="1" applyBorder="1" applyAlignment="1">
      <alignment horizontal="right" vertical="center"/>
    </xf>
    <xf numFmtId="0" fontId="27" fillId="0" borderId="0" xfId="43" applyFont="1" applyBorder="1" applyAlignment="1">
      <alignment horizontal="left" vertical="center"/>
    </xf>
    <xf numFmtId="0" fontId="27" fillId="0" borderId="0" xfId="43" applyFont="1" applyBorder="1">
      <alignment vertical="center"/>
    </xf>
    <xf numFmtId="0" fontId="27" fillId="0" borderId="12" xfId="43" applyFont="1" applyBorder="1" applyAlignment="1">
      <alignment vertical="center"/>
    </xf>
    <xf numFmtId="0" fontId="0" fillId="0" borderId="15" xfId="0" applyBorder="1" applyAlignment="1" applyProtection="1">
      <alignment horizontal="center" shrinkToFit="1"/>
      <protection locked="0"/>
    </xf>
    <xf numFmtId="178" fontId="27" fillId="0" borderId="0" xfId="43" applyNumberFormat="1" applyFont="1" applyBorder="1" applyAlignment="1">
      <alignment horizontal="center" vertical="center"/>
    </xf>
    <xf numFmtId="0" fontId="0" fillId="0" borderId="18" xfId="0" applyBorder="1" applyAlignment="1" applyProtection="1">
      <alignment horizontal="center" shrinkToFit="1"/>
      <protection locked="0"/>
    </xf>
    <xf numFmtId="0" fontId="27" fillId="0" borderId="0" xfId="43" applyFont="1" applyBorder="1" applyAlignment="1">
      <alignment horizontal="center" vertical="center"/>
    </xf>
    <xf numFmtId="0" fontId="27" fillId="0" borderId="0" xfId="43" applyFont="1">
      <alignment vertical="center"/>
    </xf>
    <xf numFmtId="0" fontId="27" fillId="0" borderId="12" xfId="43" applyFont="1" applyBorder="1" applyAlignment="1">
      <alignment horizontal="center" vertical="center"/>
    </xf>
    <xf numFmtId="0" fontId="27" fillId="0" borderId="0" xfId="43" applyFont="1" applyBorder="1" applyAlignment="1">
      <alignment horizontal="right" vertical="center"/>
    </xf>
    <xf numFmtId="0" fontId="27" fillId="0" borderId="0" xfId="43" applyFont="1" applyFill="1" applyBorder="1" applyAlignment="1">
      <alignment horizontal="center" vertical="center"/>
    </xf>
    <xf numFmtId="0" fontId="27" fillId="0" borderId="12" xfId="43" applyFont="1" applyBorder="1">
      <alignment vertical="center"/>
    </xf>
    <xf numFmtId="0" fontId="27" fillId="0" borderId="10" xfId="43" applyFont="1" applyBorder="1">
      <alignment vertical="center"/>
    </xf>
    <xf numFmtId="0" fontId="27" fillId="0" borderId="10" xfId="43" applyFont="1" applyBorder="1" applyAlignment="1">
      <alignment vertical="center"/>
    </xf>
    <xf numFmtId="0" fontId="28" fillId="0" borderId="18" xfId="48" applyFont="1" applyBorder="1" applyAlignment="1" applyProtection="1">
      <alignment horizontal="center" shrinkToFit="1"/>
      <protection locked="0"/>
    </xf>
    <xf numFmtId="0" fontId="28" fillId="0" borderId="18" xfId="43" applyFont="1" applyBorder="1" applyAlignment="1" applyProtection="1">
      <alignment horizontal="center" shrinkToFit="1"/>
      <protection locked="0"/>
    </xf>
    <xf numFmtId="0" fontId="28" fillId="0" borderId="19" xfId="48" applyFont="1" applyBorder="1" applyAlignment="1" applyProtection="1">
      <alignment horizontal="center" shrinkToFit="1"/>
      <protection locked="0"/>
    </xf>
    <xf numFmtId="0" fontId="27" fillId="0" borderId="0" xfId="43" applyFont="1" applyBorder="1" applyAlignment="1">
      <alignment vertical="center"/>
    </xf>
    <xf numFmtId="0" fontId="28" fillId="0" borderId="0" xfId="43" applyFont="1" applyBorder="1" applyAlignment="1">
      <alignment horizontal="center" vertical="center"/>
    </xf>
    <xf numFmtId="0" fontId="28" fillId="0" borderId="12" xfId="43" applyFont="1" applyBorder="1" applyAlignment="1">
      <alignment horizontal="center" vertical="center"/>
    </xf>
    <xf numFmtId="0" fontId="28" fillId="0" borderId="18" xfId="47" applyFont="1" applyBorder="1" applyAlignment="1" applyProtection="1">
      <alignment horizontal="center" shrinkToFit="1"/>
      <protection locked="0"/>
    </xf>
    <xf numFmtId="0" fontId="27" fillId="0" borderId="0" xfId="43" applyFont="1" applyBorder="1" applyAlignment="1" applyProtection="1">
      <alignment shrinkToFit="1"/>
      <protection locked="0"/>
    </xf>
    <xf numFmtId="0" fontId="28" fillId="0" borderId="0" xfId="43" applyFont="1" applyBorder="1" applyAlignment="1" applyProtection="1">
      <alignment horizontal="center" shrinkToFit="1"/>
      <protection locked="0"/>
    </xf>
    <xf numFmtId="0" fontId="27" fillId="0" borderId="0" xfId="43" applyFont="1" applyBorder="1" applyAlignment="1">
      <alignment vertical="center" shrinkToFit="1"/>
    </xf>
    <xf numFmtId="178" fontId="28" fillId="0" borderId="0" xfId="43" applyNumberFormat="1" applyFont="1" applyBorder="1" applyAlignment="1">
      <alignment horizontal="center" vertical="center"/>
    </xf>
    <xf numFmtId="0" fontId="27" fillId="0" borderId="0" xfId="45" applyNumberFormat="1" applyFont="1" applyBorder="1" applyAlignment="1"/>
    <xf numFmtId="178" fontId="27" fillId="0" borderId="0" xfId="43" applyNumberFormat="1" applyFont="1" applyBorder="1" applyAlignment="1">
      <alignment horizontal="right" vertical="center"/>
    </xf>
    <xf numFmtId="0" fontId="28" fillId="0" borderId="18" xfId="45" applyFont="1" applyBorder="1" applyAlignment="1" applyProtection="1">
      <alignment horizontal="center" shrinkToFit="1"/>
      <protection locked="0"/>
    </xf>
    <xf numFmtId="0" fontId="28" fillId="0" borderId="18" xfId="50" applyFont="1" applyBorder="1" applyAlignment="1" applyProtection="1">
      <alignment horizontal="center" shrinkToFit="1"/>
      <protection locked="0"/>
    </xf>
    <xf numFmtId="0" fontId="27" fillId="0" borderId="18" xfId="49" applyFont="1" applyBorder="1" applyAlignment="1" applyProtection="1">
      <alignment horizontal="right" shrinkToFit="1"/>
      <protection locked="0"/>
    </xf>
    <xf numFmtId="0" fontId="27" fillId="0" borderId="18" xfId="43" applyFont="1" applyBorder="1" applyAlignment="1" applyProtection="1">
      <alignment horizontal="right" shrinkToFit="1"/>
      <protection locked="0"/>
    </xf>
    <xf numFmtId="0" fontId="0" fillId="0" borderId="18" xfId="0" applyBorder="1" applyAlignment="1" applyProtection="1">
      <alignment shrinkToFit="1"/>
      <protection locked="0"/>
    </xf>
    <xf numFmtId="0" fontId="0" fillId="0" borderId="15" xfId="0" applyBorder="1" applyAlignment="1" applyProtection="1">
      <alignment shrinkToFit="1"/>
      <protection locked="0"/>
    </xf>
    <xf numFmtId="0" fontId="5" fillId="0" borderId="0" xfId="44">
      <alignment vertical="center"/>
    </xf>
    <xf numFmtId="177" fontId="0" fillId="0" borderId="0" xfId="0" applyNumberFormat="1" applyBorder="1" applyAlignment="1" applyProtection="1">
      <alignment horizontal="right" shrinkToFit="1"/>
      <protection locked="0"/>
    </xf>
    <xf numFmtId="177" fontId="0" fillId="0" borderId="0" xfId="0" applyNumberFormat="1" applyBorder="1" applyAlignment="1" applyProtection="1">
      <alignment shrinkToFit="1"/>
      <protection locked="0"/>
    </xf>
    <xf numFmtId="176" fontId="0" fillId="0" borderId="0" xfId="0" applyNumberFormat="1" applyBorder="1" applyAlignment="1" applyProtection="1">
      <alignment shrinkToFit="1"/>
      <protection locked="0"/>
    </xf>
    <xf numFmtId="176" fontId="0" fillId="0" borderId="0" xfId="0" applyNumberFormat="1" applyBorder="1" applyAlignment="1" applyProtection="1">
      <alignment horizontal="right" shrinkToFit="1"/>
      <protection locked="0"/>
    </xf>
    <xf numFmtId="0" fontId="0" fillId="0" borderId="0" xfId="0" applyBorder="1" applyAlignment="1" applyProtection="1">
      <alignment horizontal="center" shrinkToFit="1"/>
      <protection locked="0"/>
    </xf>
    <xf numFmtId="0" fontId="5" fillId="0" borderId="0" xfId="44" applyBorder="1">
      <alignment vertical="center"/>
    </xf>
    <xf numFmtId="0" fontId="0" fillId="0" borderId="0" xfId="0" applyNumberFormat="1" applyBorder="1" applyAlignment="1" applyProtection="1">
      <alignment horizontal="right" shrinkToFit="1"/>
      <protection locked="0"/>
    </xf>
    <xf numFmtId="0" fontId="0" fillId="0" borderId="0" xfId="0" applyFont="1" applyBorder="1" applyAlignment="1" applyProtection="1">
      <alignment horizontal="center" vertical="center" shrinkToFit="1"/>
      <protection locked="0"/>
    </xf>
    <xf numFmtId="0" fontId="6" fillId="0" borderId="0" xfId="43" applyNumberFormat="1" applyFont="1" applyAlignment="1">
      <alignment horizontal="left" vertical="center"/>
    </xf>
    <xf numFmtId="0" fontId="0" fillId="0" borderId="0" xfId="0" applyFont="1">
      <alignment vertical="center"/>
    </xf>
    <xf numFmtId="0" fontId="5" fillId="0" borderId="0" xfId="42" applyFont="1"/>
    <xf numFmtId="0" fontId="0" fillId="0" borderId="14" xfId="0" applyBorder="1" applyAlignment="1" applyProtection="1">
      <alignment horizontal="left" shrinkToFit="1"/>
      <protection locked="0"/>
    </xf>
    <xf numFmtId="0" fontId="5" fillId="0" borderId="0" xfId="43" applyFont="1" applyBorder="1" applyAlignment="1">
      <alignment horizontal="right" vertical="center"/>
    </xf>
    <xf numFmtId="0" fontId="0" fillId="0" borderId="0" xfId="0" applyNumberFormat="1" applyFont="1" applyBorder="1" applyAlignment="1" applyProtection="1">
      <alignment horizontal="center" shrinkToFit="1"/>
      <protection locked="0"/>
    </xf>
    <xf numFmtId="0" fontId="0" fillId="0" borderId="0" xfId="0" applyNumberFormat="1" applyFont="1" applyBorder="1" applyAlignment="1" applyProtection="1">
      <alignment horizontal="center" vertical="center" shrinkToFit="1"/>
      <protection locked="0"/>
    </xf>
    <xf numFmtId="0" fontId="0" fillId="0" borderId="14" xfId="0" applyFont="1" applyBorder="1" applyAlignment="1" applyProtection="1">
      <alignment horizontal="left" vertical="center" shrinkToFit="1"/>
      <protection locked="0"/>
    </xf>
    <xf numFmtId="0" fontId="6" fillId="0" borderId="20" xfId="43" applyBorder="1" applyAlignment="1">
      <alignment horizontal="center" vertical="center"/>
    </xf>
    <xf numFmtId="0" fontId="6" fillId="0" borderId="21" xfId="43" applyBorder="1" applyAlignment="1">
      <alignment horizontal="center" vertical="center"/>
    </xf>
    <xf numFmtId="0" fontId="0" fillId="0" borderId="22" xfId="0" applyFont="1" applyBorder="1" applyAlignment="1" applyProtection="1">
      <alignment horizontal="center" vertical="center" shrinkToFit="1"/>
      <protection locked="0"/>
    </xf>
    <xf numFmtId="0" fontId="5" fillId="0" borderId="23" xfId="43" applyFont="1" applyBorder="1" applyAlignment="1">
      <alignment horizontal="center" vertical="center"/>
    </xf>
    <xf numFmtId="0" fontId="5" fillId="0" borderId="22" xfId="43" applyFont="1" applyBorder="1" applyAlignment="1">
      <alignment horizontal="center" vertical="center"/>
    </xf>
    <xf numFmtId="0" fontId="5" fillId="0" borderId="0" xfId="43" applyFont="1" applyAlignment="1">
      <alignment horizontal="center" vertical="center"/>
    </xf>
    <xf numFmtId="0" fontId="5" fillId="0" borderId="25" xfId="43" applyFont="1" applyBorder="1" applyAlignment="1">
      <alignment horizontal="center" vertical="center"/>
    </xf>
    <xf numFmtId="0" fontId="27" fillId="0" borderId="20" xfId="43" applyFont="1" applyBorder="1" applyAlignment="1">
      <alignment horizontal="center" vertical="center"/>
    </xf>
    <xf numFmtId="0" fontId="27" fillId="0" borderId="26" xfId="43" applyFont="1" applyBorder="1" applyAlignment="1">
      <alignment horizontal="center" vertical="center"/>
    </xf>
    <xf numFmtId="0" fontId="28" fillId="0" borderId="22" xfId="43" applyFont="1" applyBorder="1" applyAlignment="1">
      <alignment horizontal="center" vertical="center"/>
    </xf>
    <xf numFmtId="0" fontId="29" fillId="0" borderId="12" xfId="0" applyFont="1" applyBorder="1" applyAlignment="1" applyProtection="1">
      <alignment horizontal="center" shrinkToFit="1"/>
      <protection locked="0"/>
    </xf>
    <xf numFmtId="0" fontId="28" fillId="0" borderId="23" xfId="43" applyFont="1" applyBorder="1" applyAlignment="1">
      <alignment horizontal="center" vertical="center"/>
    </xf>
    <xf numFmtId="0" fontId="6" fillId="0" borderId="21" xfId="43" applyFont="1" applyBorder="1" applyAlignment="1">
      <alignment vertical="center"/>
    </xf>
    <xf numFmtId="0" fontId="27" fillId="0" borderId="27" xfId="43" applyFont="1" applyBorder="1" applyAlignment="1">
      <alignment horizontal="center" vertical="center"/>
    </xf>
    <xf numFmtId="0" fontId="0" fillId="0" borderId="14" xfId="0" applyBorder="1" applyAlignment="1">
      <alignment vertical="center"/>
    </xf>
    <xf numFmtId="0" fontId="0" fillId="0" borderId="0" xfId="0" applyAlignment="1">
      <alignment vertical="center"/>
    </xf>
    <xf numFmtId="0" fontId="0" fillId="0" borderId="0" xfId="0" applyNumberFormat="1" applyBorder="1" applyAlignment="1" applyProtection="1">
      <alignment horizontal="center" shrinkToFit="1"/>
      <protection locked="0"/>
    </xf>
    <xf numFmtId="0" fontId="0" fillId="0" borderId="22" xfId="0" applyBorder="1" applyAlignment="1" applyProtection="1">
      <alignment shrinkToFit="1"/>
      <protection locked="0"/>
    </xf>
    <xf numFmtId="0" fontId="6" fillId="0" borderId="15" xfId="42" applyFont="1" applyBorder="1" applyAlignment="1">
      <alignment horizontal="center"/>
    </xf>
    <xf numFmtId="0" fontId="0" fillId="0" borderId="12" xfId="0" applyFont="1" applyBorder="1" applyAlignment="1" applyProtection="1">
      <alignment horizontal="center" shrinkToFit="1"/>
      <protection locked="0"/>
    </xf>
    <xf numFmtId="0" fontId="0" fillId="0" borderId="25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0" fillId="0" borderId="29" xfId="0" applyFill="1" applyBorder="1" applyAlignment="1">
      <alignment horizontal="left" vertical="center"/>
    </xf>
    <xf numFmtId="0" fontId="0" fillId="0" borderId="30" xfId="0" applyFill="1" applyBorder="1" applyAlignment="1">
      <alignment horizontal="left" vertical="center"/>
    </xf>
    <xf numFmtId="0" fontId="0" fillId="0" borderId="17" xfId="0" applyBorder="1" applyAlignment="1">
      <alignment vertical="center"/>
    </xf>
    <xf numFmtId="0" fontId="0" fillId="0" borderId="16" xfId="0" applyBorder="1" applyAlignment="1">
      <alignment vertical="center"/>
    </xf>
    <xf numFmtId="0" fontId="5" fillId="0" borderId="10" xfId="42" applyBorder="1" applyAlignment="1">
      <alignment horizontal="right"/>
    </xf>
    <xf numFmtId="0" fontId="5" fillId="0" borderId="10" xfId="42" applyBorder="1"/>
    <xf numFmtId="0" fontId="5" fillId="0" borderId="10" xfId="42" applyBorder="1" applyAlignment="1">
      <alignment horizontal="center"/>
    </xf>
    <xf numFmtId="0" fontId="5" fillId="0" borderId="10" xfId="42" applyBorder="1" applyAlignment="1">
      <alignment horizontal="left"/>
    </xf>
    <xf numFmtId="0" fontId="0" fillId="0" borderId="12" xfId="0" applyFont="1" applyBorder="1" applyAlignment="1" applyProtection="1">
      <alignment shrinkToFit="1"/>
      <protection locked="0"/>
    </xf>
    <xf numFmtId="0" fontId="1" fillId="0" borderId="0" xfId="43" applyFont="1" applyBorder="1" applyAlignment="1">
      <alignment horizontal="center" vertical="center"/>
    </xf>
    <xf numFmtId="0" fontId="0" fillId="0" borderId="31" xfId="0" applyBorder="1" applyAlignment="1" applyProtection="1">
      <alignment shrinkToFit="1"/>
      <protection locked="0"/>
    </xf>
    <xf numFmtId="0" fontId="5" fillId="0" borderId="13" xfId="0" applyFont="1" applyBorder="1" applyAlignment="1" applyProtection="1">
      <alignment horizontal="center" shrinkToFit="1"/>
      <protection locked="0"/>
    </xf>
    <xf numFmtId="0" fontId="0" fillId="0" borderId="13" xfId="0" applyFill="1" applyBorder="1" applyAlignment="1" applyProtection="1">
      <alignment horizontal="center" shrinkToFit="1"/>
      <protection locked="0"/>
    </xf>
    <xf numFmtId="0" fontId="1" fillId="0" borderId="0" xfId="43" applyFont="1" applyAlignment="1">
      <alignment horizontal="center" vertical="center"/>
    </xf>
    <xf numFmtId="0" fontId="1" fillId="0" borderId="25" xfId="43" applyFont="1" applyBorder="1" applyAlignment="1">
      <alignment horizontal="center" vertical="center"/>
    </xf>
    <xf numFmtId="49" fontId="34" fillId="0" borderId="0" xfId="42" applyNumberFormat="1" applyFont="1" applyBorder="1" applyAlignment="1"/>
    <xf numFmtId="0" fontId="0" fillId="0" borderId="0" xfId="0" applyBorder="1" applyAlignment="1">
      <alignment horizontal="center" vertical="center"/>
    </xf>
    <xf numFmtId="0" fontId="1" fillId="0" borderId="0" xfId="42" applyFont="1" applyBorder="1"/>
    <xf numFmtId="0" fontId="1" fillId="0" borderId="10" xfId="0" applyFont="1" applyBorder="1" applyAlignment="1" applyProtection="1">
      <alignment shrinkToFit="1"/>
      <protection locked="0"/>
    </xf>
    <xf numFmtId="0" fontId="0" fillId="24" borderId="13" xfId="0" applyFont="1" applyFill="1" applyBorder="1" applyAlignment="1" applyProtection="1">
      <alignment horizontal="center" shrinkToFit="1"/>
      <protection locked="0"/>
    </xf>
    <xf numFmtId="49" fontId="5" fillId="0" borderId="13" xfId="43" applyNumberFormat="1" applyFont="1" applyBorder="1" applyAlignment="1">
      <alignment horizontal="center" vertical="center"/>
    </xf>
    <xf numFmtId="49" fontId="2" fillId="0" borderId="0" xfId="42" applyNumberFormat="1" applyFont="1" applyBorder="1" applyAlignment="1"/>
    <xf numFmtId="49" fontId="3" fillId="0" borderId="0" xfId="42" applyNumberFormat="1" applyFont="1" applyAlignment="1"/>
    <xf numFmtId="49" fontId="2" fillId="0" borderId="0" xfId="42" applyNumberFormat="1" applyFont="1" applyAlignment="1"/>
    <xf numFmtId="0" fontId="1" fillId="0" borderId="12" xfId="42" applyFont="1" applyBorder="1" applyAlignment="1">
      <alignment horizontal="right"/>
    </xf>
    <xf numFmtId="0" fontId="1" fillId="0" borderId="10" xfId="43" applyFont="1" applyBorder="1" applyAlignment="1">
      <alignment horizontal="center" vertical="center" shrinkToFit="1"/>
    </xf>
    <xf numFmtId="49" fontId="1" fillId="0" borderId="10" xfId="42" applyNumberFormat="1" applyFont="1" applyBorder="1" applyAlignment="1">
      <alignment horizontal="center"/>
    </xf>
    <xf numFmtId="49" fontId="1" fillId="0" borderId="11" xfId="42" applyNumberFormat="1" applyFont="1" applyBorder="1" applyAlignment="1">
      <alignment horizontal="center"/>
    </xf>
    <xf numFmtId="49" fontId="1" fillId="0" borderId="10" xfId="43" applyNumberFormat="1" applyFont="1" applyBorder="1" applyAlignment="1">
      <alignment horizontal="center" vertical="center"/>
    </xf>
    <xf numFmtId="49" fontId="1" fillId="0" borderId="10" xfId="42" applyNumberFormat="1" applyFont="1" applyBorder="1" applyAlignment="1">
      <alignment horizontal="right"/>
    </xf>
    <xf numFmtId="49" fontId="1" fillId="0" borderId="12" xfId="42" applyNumberFormat="1" applyFont="1" applyBorder="1" applyAlignment="1">
      <alignment horizontal="center"/>
    </xf>
    <xf numFmtId="49" fontId="1" fillId="0" borderId="12" xfId="42" applyNumberFormat="1" applyFont="1" applyBorder="1" applyAlignment="1">
      <alignment horizontal="right"/>
    </xf>
    <xf numFmtId="0" fontId="1" fillId="0" borderId="12" xfId="43" applyFont="1" applyBorder="1" applyAlignment="1">
      <alignment horizontal="center" vertical="center" shrinkToFit="1"/>
    </xf>
    <xf numFmtId="0" fontId="5" fillId="0" borderId="11" xfId="42" applyBorder="1" applyAlignment="1">
      <alignment horizontal="center"/>
    </xf>
    <xf numFmtId="0" fontId="5" fillId="0" borderId="25" xfId="42" applyBorder="1" applyAlignment="1">
      <alignment horizontal="center"/>
    </xf>
    <xf numFmtId="0" fontId="5" fillId="0" borderId="15" xfId="42" applyBorder="1" applyAlignment="1">
      <alignment horizontal="center"/>
    </xf>
    <xf numFmtId="0" fontId="0" fillId="0" borderId="21" xfId="0" applyFont="1" applyBorder="1" applyAlignment="1" applyProtection="1">
      <alignment horizontal="center" shrinkToFit="1"/>
      <protection locked="0"/>
    </xf>
    <xf numFmtId="0" fontId="5" fillId="0" borderId="20" xfId="0" applyFont="1" applyBorder="1" applyAlignment="1" applyProtection="1">
      <alignment horizontal="center" shrinkToFit="1"/>
      <protection locked="0"/>
    </xf>
    <xf numFmtId="0" fontId="5" fillId="0" borderId="23" xfId="42" applyBorder="1" applyAlignment="1">
      <alignment horizontal="center"/>
    </xf>
    <xf numFmtId="0" fontId="0" fillId="0" borderId="10" xfId="0" applyBorder="1" applyAlignment="1" applyProtection="1">
      <alignment horizontal="left" shrinkToFit="1"/>
      <protection locked="0"/>
    </xf>
    <xf numFmtId="0" fontId="0" fillId="0" borderId="14" xfId="0" applyFill="1" applyBorder="1" applyAlignment="1">
      <alignment vertical="center"/>
    </xf>
    <xf numFmtId="0" fontId="6" fillId="0" borderId="0" xfId="44" applyFont="1" applyFill="1" applyBorder="1" applyAlignment="1">
      <alignment horizontal="center" vertical="center"/>
    </xf>
    <xf numFmtId="0" fontId="24" fillId="0" borderId="0" xfId="0" applyFont="1" applyFill="1" applyBorder="1" applyAlignment="1" applyProtection="1">
      <alignment horizontal="center" vertical="center" shrinkToFit="1"/>
      <protection locked="0"/>
    </xf>
    <xf numFmtId="0" fontId="6" fillId="0" borderId="0" xfId="43" applyFont="1" applyFill="1" applyBorder="1">
      <alignment vertical="center"/>
    </xf>
    <xf numFmtId="0" fontId="5" fillId="0" borderId="0" xfId="44" applyFill="1" applyBorder="1">
      <alignment vertical="center"/>
    </xf>
    <xf numFmtId="0" fontId="2" fillId="0" borderId="0" xfId="43" applyFont="1" applyAlignment="1">
      <alignment horizontal="left" vertical="center"/>
    </xf>
    <xf numFmtId="0" fontId="31" fillId="0" borderId="0" xfId="43" applyFont="1" applyBorder="1" applyAlignment="1">
      <alignment horizontal="left" vertical="center"/>
    </xf>
    <xf numFmtId="0" fontId="2" fillId="0" borderId="11" xfId="43" applyFont="1" applyBorder="1" applyAlignment="1">
      <alignment horizontal="left" vertical="center"/>
    </xf>
    <xf numFmtId="0" fontId="5" fillId="0" borderId="13" xfId="42" applyBorder="1" applyAlignment="1">
      <alignment horizontal="right"/>
    </xf>
    <xf numFmtId="0" fontId="25" fillId="0" borderId="0" xfId="42" applyFont="1" applyAlignment="1">
      <alignment horizontal="center" vertical="center"/>
    </xf>
    <xf numFmtId="0" fontId="0" fillId="0" borderId="14" xfId="0" applyBorder="1" applyAlignment="1" applyProtection="1">
      <alignment horizontal="left" vertical="center" shrinkToFit="1"/>
      <protection locked="0"/>
    </xf>
    <xf numFmtId="0" fontId="0" fillId="0" borderId="15" xfId="0" applyFont="1" applyBorder="1" applyAlignment="1" applyProtection="1">
      <alignment horizontal="center" vertical="center" shrinkToFit="1"/>
      <protection locked="0"/>
    </xf>
    <xf numFmtId="0" fontId="6" fillId="0" borderId="15" xfId="43" applyFont="1" applyBorder="1">
      <alignment vertical="center"/>
    </xf>
    <xf numFmtId="0" fontId="1" fillId="0" borderId="10" xfId="42" applyFont="1" applyBorder="1" applyAlignment="1">
      <alignment horizontal="left"/>
    </xf>
    <xf numFmtId="0" fontId="5" fillId="0" borderId="13" xfId="42" applyBorder="1" applyAlignment="1">
      <alignment horizontal="center"/>
    </xf>
    <xf numFmtId="0" fontId="1" fillId="0" borderId="14" xfId="42" applyFont="1" applyBorder="1" applyAlignment="1">
      <alignment horizontal="left"/>
    </xf>
    <xf numFmtId="0" fontId="5" fillId="0" borderId="14" xfId="42" applyBorder="1" applyAlignment="1">
      <alignment horizontal="left"/>
    </xf>
    <xf numFmtId="179" fontId="6" fillId="0" borderId="10" xfId="43" applyNumberFormat="1" applyFont="1" applyBorder="1" applyAlignment="1">
      <alignment horizontal="center" vertical="center"/>
    </xf>
    <xf numFmtId="179" fontId="6" fillId="0" borderId="12" xfId="43" applyNumberFormat="1" applyFont="1" applyBorder="1" applyAlignment="1">
      <alignment horizontal="center" vertical="center"/>
    </xf>
    <xf numFmtId="179" fontId="6" fillId="0" borderId="0" xfId="43" applyNumberFormat="1" applyFont="1" applyBorder="1" applyAlignment="1">
      <alignment horizontal="center" vertical="center"/>
    </xf>
    <xf numFmtId="0" fontId="0" fillId="0" borderId="13" xfId="0" applyBorder="1" applyAlignment="1">
      <alignment horizontal="center"/>
    </xf>
    <xf numFmtId="0" fontId="6" fillId="0" borderId="0" xfId="42" applyFont="1" applyAlignment="1">
      <alignment horizontal="center"/>
    </xf>
    <xf numFmtId="0" fontId="6" fillId="0" borderId="12" xfId="43" applyFont="1" applyBorder="1" applyAlignment="1">
      <alignment horizontal="center" vertical="center"/>
    </xf>
    <xf numFmtId="0" fontId="6" fillId="0" borderId="0" xfId="43" applyFont="1" applyBorder="1" applyAlignment="1">
      <alignment horizontal="center" vertical="center"/>
    </xf>
    <xf numFmtId="0" fontId="6" fillId="0" borderId="0" xfId="43" applyFont="1" applyAlignment="1">
      <alignment horizontal="center" vertical="center"/>
    </xf>
    <xf numFmtId="0" fontId="6" fillId="0" borderId="0" xfId="43" applyFont="1" applyAlignment="1">
      <alignment horizontal="left" vertical="center"/>
    </xf>
    <xf numFmtId="0" fontId="25" fillId="0" borderId="0" xfId="42" applyFont="1" applyAlignment="1">
      <alignment horizontal="center" vertical="center"/>
    </xf>
    <xf numFmtId="0" fontId="6" fillId="0" borderId="10" xfId="42" applyFont="1" applyBorder="1"/>
    <xf numFmtId="177" fontId="6" fillId="0" borderId="10" xfId="42" applyNumberFormat="1" applyFont="1" applyBorder="1"/>
    <xf numFmtId="0" fontId="6" fillId="0" borderId="0" xfId="42" applyFont="1" applyAlignment="1">
      <alignment horizontal="left"/>
    </xf>
    <xf numFmtId="0" fontId="6" fillId="0" borderId="12" xfId="42" applyFont="1" applyBorder="1" applyAlignment="1">
      <alignment horizontal="center"/>
    </xf>
    <xf numFmtId="0" fontId="6" fillId="0" borderId="0" xfId="42" applyFont="1" applyBorder="1" applyAlignment="1">
      <alignment horizontal="left"/>
    </xf>
    <xf numFmtId="0" fontId="0" fillId="0" borderId="0" xfId="0">
      <alignment vertical="center"/>
    </xf>
    <xf numFmtId="0" fontId="6" fillId="0" borderId="20" xfId="43" applyBorder="1" applyAlignment="1">
      <alignment horizontal="center" vertical="center"/>
    </xf>
    <xf numFmtId="0" fontId="6" fillId="0" borderId="21" xfId="43" applyBorder="1" applyAlignment="1">
      <alignment horizontal="center" vertical="center"/>
    </xf>
    <xf numFmtId="177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0" fillId="0" borderId="21" xfId="0" applyFont="1" applyBorder="1" applyAlignment="1" applyProtection="1">
      <alignment horizontal="center" vertical="center" shrinkToFit="1"/>
      <protection locked="0"/>
    </xf>
    <xf numFmtId="0" fontId="6" fillId="0" borderId="26" xfId="43" applyBorder="1" applyAlignment="1">
      <alignment horizontal="center" vertical="center"/>
    </xf>
    <xf numFmtId="0" fontId="6" fillId="0" borderId="0" xfId="43" applyAlignment="1">
      <alignment horizontal="center" vertical="center"/>
    </xf>
    <xf numFmtId="0" fontId="6" fillId="0" borderId="21" xfId="43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14" xfId="0" applyFont="1" applyBorder="1" applyAlignment="1">
      <alignment vertical="center"/>
    </xf>
    <xf numFmtId="0" fontId="0" fillId="0" borderId="24" xfId="0" applyFont="1" applyBorder="1" applyAlignment="1">
      <alignment vertical="center"/>
    </xf>
    <xf numFmtId="0" fontId="1" fillId="0" borderId="24" xfId="42" applyFont="1" applyBorder="1" applyAlignment="1">
      <alignment horizontal="left"/>
    </xf>
    <xf numFmtId="0" fontId="0" fillId="0" borderId="14" xfId="0" applyFont="1" applyBorder="1" applyAlignment="1" applyProtection="1">
      <alignment horizontal="center" shrinkToFit="1"/>
      <protection locked="0"/>
    </xf>
    <xf numFmtId="0" fontId="0" fillId="0" borderId="11" xfId="0" applyFont="1" applyBorder="1" applyAlignment="1" applyProtection="1">
      <alignment shrinkToFit="1"/>
      <protection locked="0"/>
    </xf>
    <xf numFmtId="0" fontId="0" fillId="24" borderId="12" xfId="0" applyFont="1" applyFill="1" applyBorder="1" applyAlignment="1" applyProtection="1">
      <alignment shrinkToFit="1"/>
      <protection locked="0"/>
    </xf>
    <xf numFmtId="0" fontId="36" fillId="0" borderId="0" xfId="0" applyFont="1">
      <alignment vertical="center"/>
    </xf>
    <xf numFmtId="49" fontId="37" fillId="0" borderId="12" xfId="42" applyNumberFormat="1" applyFont="1" applyBorder="1" applyAlignment="1">
      <alignment horizontal="left"/>
    </xf>
    <xf numFmtId="0" fontId="38" fillId="0" borderId="10" xfId="0" applyFont="1" applyBorder="1" applyAlignment="1" applyProtection="1">
      <alignment shrinkToFit="1"/>
      <protection locked="0"/>
    </xf>
    <xf numFmtId="0" fontId="39" fillId="0" borderId="0" xfId="0" applyFont="1">
      <alignment vertical="center"/>
    </xf>
    <xf numFmtId="0" fontId="39" fillId="0" borderId="24" xfId="0" applyFont="1" applyBorder="1">
      <alignment vertical="center"/>
    </xf>
    <xf numFmtId="0" fontId="39" fillId="0" borderId="14" xfId="0" applyFont="1" applyBorder="1">
      <alignment vertical="center"/>
    </xf>
    <xf numFmtId="0" fontId="1" fillId="0" borderId="0" xfId="42" applyFont="1" applyAlignment="1">
      <alignment horizontal="left"/>
    </xf>
    <xf numFmtId="49" fontId="1" fillId="0" borderId="0" xfId="42" applyNumberFormat="1" applyFont="1" applyBorder="1" applyAlignment="1">
      <alignment horizontal="center"/>
    </xf>
    <xf numFmtId="0" fontId="37" fillId="0" borderId="0" xfId="43" applyFont="1" applyAlignment="1">
      <alignment horizontal="left" vertical="center"/>
    </xf>
    <xf numFmtId="0" fontId="38" fillId="0" borderId="10" xfId="0" applyFont="1" applyBorder="1" applyAlignment="1" applyProtection="1">
      <alignment horizontal="left" vertical="center" shrinkToFit="1"/>
      <protection locked="0"/>
    </xf>
    <xf numFmtId="0" fontId="37" fillId="0" borderId="10" xfId="43" applyFont="1" applyBorder="1">
      <alignment vertical="center"/>
    </xf>
    <xf numFmtId="0" fontId="37" fillId="0" borderId="10" xfId="43" applyFont="1" applyBorder="1" applyAlignment="1">
      <alignment horizontal="center" vertical="center"/>
    </xf>
    <xf numFmtId="49" fontId="37" fillId="0" borderId="10" xfId="42" applyNumberFormat="1" applyFont="1" applyBorder="1" applyAlignment="1">
      <alignment horizontal="center"/>
    </xf>
    <xf numFmtId="0" fontId="38" fillId="0" borderId="12" xfId="0" applyFont="1" applyBorder="1" applyAlignment="1" applyProtection="1">
      <alignment horizontal="center" vertical="center" shrinkToFit="1"/>
      <protection locked="0"/>
    </xf>
    <xf numFmtId="0" fontId="38" fillId="0" borderId="10" xfId="0" applyFont="1" applyBorder="1" applyAlignment="1" applyProtection="1">
      <alignment horizontal="center" shrinkToFit="1"/>
      <protection locked="0"/>
    </xf>
    <xf numFmtId="49" fontId="37" fillId="0" borderId="11" xfId="42" applyNumberFormat="1" applyFont="1" applyBorder="1" applyAlignment="1">
      <alignment horizontal="center"/>
    </xf>
    <xf numFmtId="0" fontId="37" fillId="0" borderId="12" xfId="43" applyFont="1" applyBorder="1" applyAlignment="1">
      <alignment horizontal="center" vertical="center"/>
    </xf>
    <xf numFmtId="0" fontId="37" fillId="0" borderId="12" xfId="43" applyFont="1" applyBorder="1">
      <alignment vertical="center"/>
    </xf>
    <xf numFmtId="0" fontId="37" fillId="0" borderId="12" xfId="43" applyFont="1" applyBorder="1" applyAlignment="1">
      <alignment horizontal="right" vertical="center"/>
    </xf>
    <xf numFmtId="0" fontId="38" fillId="0" borderId="14" xfId="0" applyFont="1" applyBorder="1" applyAlignment="1" applyProtection="1">
      <alignment horizontal="left" vertical="center" shrinkToFit="1"/>
      <protection locked="0"/>
    </xf>
    <xf numFmtId="0" fontId="37" fillId="0" borderId="14" xfId="43" applyFont="1" applyBorder="1" applyAlignment="1">
      <alignment vertical="center"/>
    </xf>
    <xf numFmtId="0" fontId="38" fillId="0" borderId="14" xfId="0" applyFont="1" applyBorder="1" applyAlignment="1">
      <alignment vertical="center"/>
    </xf>
    <xf numFmtId="0" fontId="37" fillId="0" borderId="12" xfId="43" applyFont="1" applyBorder="1" applyAlignment="1">
      <alignment horizontal="left" vertical="center"/>
    </xf>
    <xf numFmtId="0" fontId="0" fillId="0" borderId="32" xfId="0" applyFont="1" applyBorder="1" applyAlignment="1">
      <alignment vertical="center"/>
    </xf>
    <xf numFmtId="0" fontId="0" fillId="0" borderId="18" xfId="0" applyFont="1" applyBorder="1" applyAlignment="1">
      <alignment vertical="center"/>
    </xf>
    <xf numFmtId="0" fontId="0" fillId="0" borderId="17" xfId="0" applyFont="1" applyBorder="1" applyAlignment="1">
      <alignment vertical="center"/>
    </xf>
    <xf numFmtId="0" fontId="37" fillId="0" borderId="0" xfId="43" applyFont="1" applyAlignment="1">
      <alignment horizontal="center" vertical="center"/>
    </xf>
    <xf numFmtId="0" fontId="38" fillId="0" borderId="21" xfId="0" applyFont="1" applyBorder="1" applyAlignment="1" applyProtection="1">
      <alignment horizontal="center" shrinkToFit="1"/>
      <protection locked="0"/>
    </xf>
    <xf numFmtId="0" fontId="38" fillId="0" borderId="13" xfId="0" applyFont="1" applyBorder="1" applyAlignment="1" applyProtection="1">
      <alignment horizontal="center" shrinkToFit="1"/>
      <protection locked="0"/>
    </xf>
    <xf numFmtId="0" fontId="38" fillId="0" borderId="13" xfId="0" applyFont="1" applyFill="1" applyBorder="1" applyAlignment="1" applyProtection="1">
      <alignment horizontal="center" shrinkToFit="1"/>
      <protection locked="0"/>
    </xf>
    <xf numFmtId="0" fontId="1" fillId="0" borderId="23" xfId="43" applyFont="1" applyBorder="1" applyAlignment="1">
      <alignment horizontal="center" vertical="center"/>
    </xf>
    <xf numFmtId="0" fontId="0" fillId="0" borderId="14" xfId="0" applyBorder="1" applyAlignment="1">
      <alignment horizontal="left" vertical="center"/>
    </xf>
    <xf numFmtId="0" fontId="40" fillId="0" borderId="0" xfId="0" applyFont="1">
      <alignment vertical="center"/>
    </xf>
    <xf numFmtId="0" fontId="0" fillId="0" borderId="14" xfId="0" applyFont="1" applyBorder="1" applyAlignment="1" applyProtection="1">
      <alignment vertical="center" shrinkToFit="1"/>
      <protection locked="0"/>
    </xf>
    <xf numFmtId="0" fontId="0" fillId="0" borderId="13" xfId="0" applyBorder="1" applyAlignment="1" applyProtection="1">
      <alignment horizontal="center" vertical="center" shrinkToFit="1"/>
      <protection locked="0"/>
    </xf>
    <xf numFmtId="177" fontId="0" fillId="0" borderId="10" xfId="0" applyNumberFormat="1" applyFont="1" applyBorder="1" applyAlignment="1" applyProtection="1">
      <alignment horizontal="center" shrinkToFit="1"/>
      <protection locked="0"/>
    </xf>
    <xf numFmtId="0" fontId="0" fillId="0" borderId="0" xfId="0">
      <alignment vertical="center"/>
    </xf>
    <xf numFmtId="177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40" fillId="0" borderId="14" xfId="0" applyFont="1" applyBorder="1">
      <alignment vertical="center"/>
    </xf>
    <xf numFmtId="180" fontId="0" fillId="0" borderId="12" xfId="0" applyNumberFormat="1" applyFont="1" applyBorder="1" applyAlignment="1" applyProtection="1">
      <alignment horizontal="center" vertical="center" shrinkToFit="1"/>
      <protection locked="0"/>
    </xf>
    <xf numFmtId="49" fontId="6" fillId="0" borderId="0" xfId="42" applyNumberFormat="1" applyFont="1" applyBorder="1" applyAlignment="1">
      <alignment horizontal="left"/>
    </xf>
    <xf numFmtId="0" fontId="6" fillId="0" borderId="0" xfId="43" applyFont="1" applyBorder="1" applyAlignment="1">
      <alignment horizontal="center" vertical="center"/>
    </xf>
    <xf numFmtId="0" fontId="6" fillId="0" borderId="0" xfId="42" applyFont="1" applyBorder="1" applyAlignment="1">
      <alignment horizontal="left"/>
    </xf>
    <xf numFmtId="0" fontId="27" fillId="0" borderId="0" xfId="43" applyFont="1" applyAlignment="1">
      <alignment horizontal="center" vertical="center"/>
    </xf>
    <xf numFmtId="0" fontId="27" fillId="0" borderId="12" xfId="43" applyFont="1" applyBorder="1" applyAlignment="1">
      <alignment vertical="center"/>
    </xf>
    <xf numFmtId="0" fontId="27" fillId="0" borderId="0" xfId="43" applyFont="1" applyBorder="1" applyAlignment="1">
      <alignment horizontal="center" vertical="center"/>
    </xf>
    <xf numFmtId="0" fontId="6" fillId="0" borderId="0" xfId="43" applyFont="1" applyBorder="1" applyAlignment="1">
      <alignment horizontal="center" vertical="center"/>
    </xf>
    <xf numFmtId="0" fontId="6" fillId="0" borderId="0" xfId="43" applyFont="1" applyAlignment="1">
      <alignment horizontal="center" vertical="center"/>
    </xf>
    <xf numFmtId="0" fontId="6" fillId="0" borderId="0" xfId="43" applyFont="1" applyBorder="1" applyAlignment="1">
      <alignment vertical="center"/>
    </xf>
    <xf numFmtId="0" fontId="27" fillId="0" borderId="0" xfId="43" applyFont="1" applyFill="1" applyBorder="1" applyAlignment="1">
      <alignment horizontal="center" vertical="center"/>
    </xf>
    <xf numFmtId="0" fontId="6" fillId="0" borderId="0" xfId="44" applyFont="1" applyFill="1" applyBorder="1" applyAlignment="1">
      <alignment horizontal="center" vertical="center"/>
    </xf>
    <xf numFmtId="0" fontId="24" fillId="0" borderId="0" xfId="0" applyFont="1" applyFill="1" applyBorder="1" applyAlignment="1" applyProtection="1">
      <alignment horizontal="center" vertical="center" shrinkToFit="1"/>
      <protection locked="0"/>
    </xf>
    <xf numFmtId="0" fontId="35" fillId="0" borderId="0" xfId="44" applyFont="1" applyFill="1" applyBorder="1" applyAlignment="1">
      <alignment horizontal="center" vertical="center"/>
    </xf>
    <xf numFmtId="49" fontId="4" fillId="0" borderId="0" xfId="42" applyNumberFormat="1" applyFont="1" applyBorder="1" applyAlignment="1"/>
    <xf numFmtId="49" fontId="4" fillId="0" borderId="0" xfId="42" applyNumberFormat="1" applyFont="1" applyBorder="1" applyAlignment="1">
      <alignment horizontal="center"/>
    </xf>
    <xf numFmtId="49" fontId="4" fillId="0" borderId="0" xfId="42" applyNumberFormat="1" applyFont="1" applyBorder="1" applyAlignment="1">
      <alignment horizontal="right"/>
    </xf>
    <xf numFmtId="49" fontId="4" fillId="0" borderId="0" xfId="42" applyNumberFormat="1" applyFont="1" applyBorder="1"/>
    <xf numFmtId="49" fontId="6" fillId="0" borderId="0" xfId="42" applyNumberFormat="1" applyFont="1" applyBorder="1" applyAlignment="1">
      <alignment horizontal="center" vertical="center"/>
    </xf>
    <xf numFmtId="49" fontId="6" fillId="0" borderId="0" xfId="42" applyNumberFormat="1" applyFont="1" applyBorder="1" applyAlignment="1">
      <alignment horizontal="right" vertical="center"/>
    </xf>
    <xf numFmtId="0" fontId="6" fillId="0" borderId="0" xfId="43" applyFont="1" applyBorder="1" applyAlignment="1">
      <alignment vertical="center" shrinkToFit="1"/>
    </xf>
    <xf numFmtId="0" fontId="6" fillId="0" borderId="0" xfId="42" applyFont="1" applyBorder="1" applyAlignment="1">
      <alignment horizontal="center"/>
    </xf>
    <xf numFmtId="49" fontId="5" fillId="0" borderId="0" xfId="42" applyNumberFormat="1" applyBorder="1" applyAlignment="1">
      <alignment horizontal="center"/>
    </xf>
    <xf numFmtId="49" fontId="5" fillId="0" borderId="0" xfId="42" applyNumberFormat="1" applyBorder="1" applyAlignment="1">
      <alignment horizontal="right"/>
    </xf>
    <xf numFmtId="49" fontId="5" fillId="0" borderId="0" xfId="42" applyNumberFormat="1" applyBorder="1" applyAlignment="1">
      <alignment horizontal="left"/>
    </xf>
    <xf numFmtId="49" fontId="5" fillId="0" borderId="0" xfId="42" applyNumberFormat="1" applyBorder="1"/>
    <xf numFmtId="49" fontId="6" fillId="0" borderId="0" xfId="42" applyNumberFormat="1" applyFont="1" applyBorder="1" applyAlignment="1">
      <alignment horizontal="center"/>
    </xf>
    <xf numFmtId="49" fontId="6" fillId="0" borderId="12" xfId="42" applyNumberFormat="1" applyFont="1" applyBorder="1" applyAlignment="1">
      <alignment horizontal="center"/>
    </xf>
    <xf numFmtId="49" fontId="6" fillId="0" borderId="0" xfId="42" applyNumberFormat="1" applyFont="1" applyAlignment="1">
      <alignment horizontal="center"/>
    </xf>
    <xf numFmtId="0" fontId="6" fillId="0" borderId="12" xfId="43" applyFont="1" applyBorder="1" applyAlignment="1">
      <alignment horizontal="center" vertical="center"/>
    </xf>
    <xf numFmtId="0" fontId="6" fillId="0" borderId="0" xfId="43" applyFont="1" applyAlignment="1">
      <alignment horizontal="left" vertical="center"/>
    </xf>
    <xf numFmtId="0" fontId="6" fillId="0" borderId="0" xfId="43" applyFont="1" applyBorder="1" applyAlignment="1">
      <alignment horizontal="center" vertical="center"/>
    </xf>
    <xf numFmtId="177" fontId="0" fillId="0" borderId="12" xfId="0" applyNumberFormat="1" applyFont="1" applyBorder="1" applyAlignment="1" applyProtection="1">
      <alignment horizontal="center" vertical="center" shrinkToFit="1"/>
      <protection locked="0"/>
    </xf>
    <xf numFmtId="0" fontId="27" fillId="0" borderId="0" xfId="43" applyFont="1" applyAlignment="1">
      <alignment horizontal="center" vertical="center"/>
    </xf>
    <xf numFmtId="0" fontId="27" fillId="0" borderId="0" xfId="43" applyFont="1" applyFill="1" applyBorder="1" applyAlignment="1">
      <alignment horizontal="center" vertical="center"/>
    </xf>
    <xf numFmtId="0" fontId="6" fillId="0" borderId="0" xfId="43" applyBorder="1" applyAlignment="1">
      <alignment horizontal="center" vertical="center"/>
    </xf>
    <xf numFmtId="0" fontId="42" fillId="0" borderId="0" xfId="0" applyFont="1">
      <alignment vertical="center"/>
    </xf>
    <xf numFmtId="0" fontId="27" fillId="0" borderId="18" xfId="43" applyFont="1" applyBorder="1" applyAlignment="1" applyProtection="1">
      <alignment horizontal="center" shrinkToFit="1"/>
      <protection locked="0"/>
    </xf>
    <xf numFmtId="0" fontId="27" fillId="0" borderId="18" xfId="43" applyFont="1" applyBorder="1" applyAlignment="1" applyProtection="1">
      <alignment horizontal="center" vertical="center" shrinkToFit="1"/>
      <protection locked="0"/>
    </xf>
    <xf numFmtId="0" fontId="0" fillId="0" borderId="18" xfId="0" applyBorder="1" applyAlignment="1">
      <alignment horizontal="center"/>
    </xf>
    <xf numFmtId="0" fontId="0" fillId="0" borderId="19" xfId="0" applyBorder="1" applyAlignment="1">
      <alignment horizontal="center"/>
    </xf>
    <xf numFmtId="0" fontId="0" fillId="0" borderId="13" xfId="0" applyBorder="1" applyAlignment="1" applyProtection="1">
      <alignment horizontal="right" shrinkToFit="1"/>
      <protection locked="0"/>
    </xf>
    <xf numFmtId="0" fontId="6" fillId="0" borderId="20" xfId="43" applyBorder="1" applyAlignment="1">
      <alignment vertical="center"/>
    </xf>
    <xf numFmtId="0" fontId="6" fillId="0" borderId="21" xfId="43" applyBorder="1" applyAlignment="1">
      <alignment vertical="center"/>
    </xf>
    <xf numFmtId="0" fontId="1" fillId="0" borderId="12" xfId="43" applyFont="1" applyBorder="1" applyAlignment="1">
      <alignment horizontal="center" vertical="center"/>
    </xf>
    <xf numFmtId="181" fontId="6" fillId="0" borderId="21" xfId="43" applyNumberFormat="1" applyBorder="1" applyAlignment="1">
      <alignment vertical="center"/>
    </xf>
    <xf numFmtId="49" fontId="6" fillId="0" borderId="0" xfId="42" applyNumberFormat="1" applyFont="1" applyBorder="1" applyAlignment="1"/>
    <xf numFmtId="49" fontId="6" fillId="0" borderId="0" xfId="42" applyNumberFormat="1" applyFont="1" applyBorder="1"/>
    <xf numFmtId="49" fontId="5" fillId="0" borderId="0" xfId="42" applyNumberFormat="1" applyBorder="1" applyAlignment="1"/>
    <xf numFmtId="49" fontId="5" fillId="0" borderId="0" xfId="42" applyNumberFormat="1" applyBorder="1"/>
    <xf numFmtId="49" fontId="3" fillId="0" borderId="0" xfId="42" applyNumberFormat="1" applyFont="1" applyBorder="1" applyAlignment="1">
      <alignment horizontal="left"/>
    </xf>
    <xf numFmtId="49" fontId="6" fillId="0" borderId="0" xfId="42" applyNumberFormat="1" applyFont="1" applyBorder="1" applyAlignment="1">
      <alignment horizontal="left"/>
    </xf>
    <xf numFmtId="49" fontId="6" fillId="0" borderId="0" xfId="42" applyNumberFormat="1" applyFont="1" applyBorder="1" applyAlignment="1">
      <alignment horizontal="center"/>
    </xf>
    <xf numFmtId="177" fontId="0" fillId="0" borderId="10" xfId="0" applyNumberFormat="1" applyFont="1" applyBorder="1" applyAlignment="1" applyProtection="1">
      <alignment horizontal="center" shrinkToFit="1"/>
      <protection locked="0"/>
    </xf>
    <xf numFmtId="176" fontId="0" fillId="0" borderId="10" xfId="0" applyNumberFormat="1" applyFont="1" applyBorder="1" applyAlignment="1" applyProtection="1">
      <alignment horizontal="center" shrinkToFit="1"/>
      <protection locked="0"/>
    </xf>
    <xf numFmtId="49" fontId="0" fillId="0" borderId="10" xfId="0" applyNumberFormat="1" applyFont="1" applyBorder="1" applyAlignment="1" applyProtection="1">
      <alignment horizontal="center" shrinkToFit="1"/>
      <protection locked="0"/>
    </xf>
    <xf numFmtId="49" fontId="6" fillId="0" borderId="12" xfId="42" applyNumberFormat="1" applyFont="1" applyBorder="1" applyAlignment="1">
      <alignment horizontal="center"/>
    </xf>
    <xf numFmtId="0" fontId="0" fillId="0" borderId="10" xfId="0" applyNumberFormat="1" applyFont="1" applyBorder="1" applyAlignment="1" applyProtection="1">
      <alignment horizontal="center" shrinkToFit="1"/>
      <protection locked="0"/>
    </xf>
    <xf numFmtId="177" fontId="5" fillId="0" borderId="10" xfId="42" applyNumberFormat="1" applyFont="1" applyBorder="1" applyAlignment="1">
      <alignment horizontal="center"/>
    </xf>
    <xf numFmtId="49" fontId="25" fillId="0" borderId="0" xfId="42" applyNumberFormat="1" applyFont="1" applyAlignment="1">
      <alignment horizontal="center" vertical="center"/>
    </xf>
    <xf numFmtId="49" fontId="30" fillId="0" borderId="0" xfId="42" applyNumberFormat="1" applyFont="1" applyAlignment="1">
      <alignment horizontal="center" vertical="center"/>
    </xf>
    <xf numFmtId="49" fontId="6" fillId="0" borderId="0" xfId="42" applyNumberFormat="1" applyFont="1" applyAlignment="1">
      <alignment horizontal="center"/>
    </xf>
    <xf numFmtId="49" fontId="2" fillId="0" borderId="10" xfId="42" applyNumberFormat="1" applyFont="1" applyBorder="1" applyAlignment="1">
      <alignment horizontal="left"/>
    </xf>
    <xf numFmtId="49" fontId="4" fillId="0" borderId="10" xfId="42" applyNumberFormat="1" applyFont="1" applyBorder="1" applyAlignment="1">
      <alignment horizontal="left"/>
    </xf>
    <xf numFmtId="177" fontId="0" fillId="24" borderId="10" xfId="0" applyNumberFormat="1" applyFont="1" applyFill="1" applyBorder="1" applyAlignment="1" applyProtection="1">
      <alignment horizontal="center" shrinkToFit="1"/>
      <protection locked="0"/>
    </xf>
    <xf numFmtId="0" fontId="1" fillId="0" borderId="0" xfId="42" applyFont="1" applyAlignment="1">
      <alignment horizontal="center"/>
    </xf>
    <xf numFmtId="0" fontId="5" fillId="0" borderId="0" xfId="42" applyAlignment="1">
      <alignment horizontal="center"/>
    </xf>
    <xf numFmtId="176" fontId="0" fillId="0" borderId="12" xfId="0" applyNumberFormat="1" applyFont="1" applyBorder="1" applyAlignment="1" applyProtection="1">
      <alignment horizontal="center" shrinkToFit="1"/>
      <protection locked="0"/>
    </xf>
    <xf numFmtId="49" fontId="6" fillId="0" borderId="10" xfId="42" applyNumberFormat="1" applyFont="1" applyBorder="1" applyAlignment="1">
      <alignment horizontal="center"/>
    </xf>
    <xf numFmtId="2" fontId="0" fillId="0" borderId="10" xfId="0" applyNumberFormat="1" applyFont="1" applyBorder="1" applyAlignment="1" applyProtection="1">
      <alignment horizontal="center" shrinkToFit="1"/>
      <protection locked="0"/>
    </xf>
    <xf numFmtId="0" fontId="6" fillId="0" borderId="0" xfId="42" applyFont="1" applyAlignment="1">
      <alignment horizontal="center"/>
    </xf>
    <xf numFmtId="49" fontId="2" fillId="0" borderId="0" xfId="42" applyNumberFormat="1" applyFont="1" applyBorder="1" applyAlignment="1">
      <alignment horizontal="left"/>
    </xf>
    <xf numFmtId="49" fontId="4" fillId="0" borderId="0" xfId="42" applyNumberFormat="1" applyFont="1" applyBorder="1" applyAlignment="1">
      <alignment horizontal="left"/>
    </xf>
    <xf numFmtId="49" fontId="4" fillId="0" borderId="0" xfId="42" applyNumberFormat="1" applyFont="1" applyAlignment="1">
      <alignment horizontal="left"/>
    </xf>
    <xf numFmtId="49" fontId="31" fillId="0" borderId="10" xfId="42" applyNumberFormat="1" applyFont="1" applyBorder="1" applyAlignment="1">
      <alignment vertical="center"/>
    </xf>
    <xf numFmtId="0" fontId="25" fillId="0" borderId="0" xfId="43" applyFont="1" applyAlignment="1">
      <alignment horizontal="center" vertical="center"/>
    </xf>
    <xf numFmtId="0" fontId="6" fillId="0" borderId="0" xfId="43" applyFont="1" applyAlignment="1">
      <alignment horizontal="center" vertical="center"/>
    </xf>
    <xf numFmtId="0" fontId="6" fillId="0" borderId="12" xfId="43" applyFont="1" applyBorder="1" applyAlignment="1">
      <alignment horizontal="center" vertical="center"/>
    </xf>
    <xf numFmtId="0" fontId="2" fillId="0" borderId="12" xfId="43" applyFont="1" applyBorder="1" applyAlignment="1">
      <alignment horizontal="left" vertical="center"/>
    </xf>
    <xf numFmtId="0" fontId="2" fillId="0" borderId="10" xfId="43" applyFont="1" applyBorder="1" applyAlignment="1">
      <alignment horizontal="left" vertical="center"/>
    </xf>
    <xf numFmtId="0" fontId="25" fillId="0" borderId="0" xfId="43" applyFont="1" applyBorder="1" applyAlignment="1">
      <alignment horizontal="left" vertical="center"/>
    </xf>
    <xf numFmtId="0" fontId="6" fillId="0" borderId="0" xfId="43" applyFont="1" applyBorder="1" applyAlignment="1">
      <alignment vertical="center"/>
    </xf>
    <xf numFmtId="0" fontId="6" fillId="0" borderId="0" xfId="43" applyFont="1" applyAlignment="1">
      <alignment horizontal="left" vertical="center"/>
    </xf>
    <xf numFmtId="0" fontId="31" fillId="0" borderId="10" xfId="43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177" fontId="1" fillId="0" borderId="10" xfId="42" applyNumberFormat="1" applyFont="1" applyBorder="1" applyAlignment="1">
      <alignment horizontal="center"/>
    </xf>
    <xf numFmtId="0" fontId="25" fillId="0" borderId="0" xfId="42" applyFont="1" applyAlignment="1">
      <alignment horizontal="center" vertical="center"/>
    </xf>
    <xf numFmtId="0" fontId="2" fillId="0" borderId="0" xfId="42" applyFont="1" applyBorder="1" applyAlignment="1">
      <alignment horizontal="left"/>
    </xf>
    <xf numFmtId="0" fontId="6" fillId="0" borderId="0" xfId="42" applyFont="1" applyBorder="1" applyAlignment="1">
      <alignment horizontal="left"/>
    </xf>
    <xf numFmtId="177" fontId="6" fillId="0" borderId="12" xfId="42" applyNumberFormat="1" applyFont="1" applyBorder="1" applyAlignment="1">
      <alignment horizontal="center"/>
    </xf>
    <xf numFmtId="0" fontId="6" fillId="0" borderId="12" xfId="42" applyFont="1" applyBorder="1" applyAlignment="1">
      <alignment horizontal="center"/>
    </xf>
    <xf numFmtId="0" fontId="6" fillId="0" borderId="0" xfId="42" applyFont="1" applyAlignment="1">
      <alignment horizontal="left"/>
    </xf>
    <xf numFmtId="0" fontId="25" fillId="0" borderId="0" xfId="43" applyFont="1" applyBorder="1" applyAlignment="1">
      <alignment horizontal="center" vertical="center"/>
    </xf>
    <xf numFmtId="0" fontId="25" fillId="0" borderId="12" xfId="43" applyFont="1" applyBorder="1" applyAlignment="1">
      <alignment horizontal="center" vertical="center"/>
    </xf>
    <xf numFmtId="0" fontId="27" fillId="0" borderId="12" xfId="43" applyFont="1" applyBorder="1" applyAlignment="1">
      <alignment horizontal="center" vertical="center"/>
    </xf>
    <xf numFmtId="0" fontId="27" fillId="0" borderId="10" xfId="43" applyFont="1" applyBorder="1" applyAlignment="1">
      <alignment horizontal="center" vertical="center"/>
    </xf>
    <xf numFmtId="0" fontId="43" fillId="0" borderId="12" xfId="43" applyFont="1" applyBorder="1" applyAlignment="1">
      <alignment horizontal="center" vertical="center"/>
    </xf>
    <xf numFmtId="0" fontId="2" fillId="0" borderId="10" xfId="43" applyFont="1" applyBorder="1" applyAlignment="1">
      <alignment vertical="center"/>
    </xf>
    <xf numFmtId="0" fontId="0" fillId="0" borderId="0" xfId="0">
      <alignment vertical="center"/>
    </xf>
    <xf numFmtId="0" fontId="43" fillId="0" borderId="10" xfId="43" applyFont="1" applyBorder="1" applyAlignment="1">
      <alignment horizontal="center" vertical="center"/>
    </xf>
    <xf numFmtId="0" fontId="2" fillId="0" borderId="11" xfId="43" applyFont="1" applyBorder="1" applyAlignment="1">
      <alignment horizontal="left" vertical="center"/>
    </xf>
    <xf numFmtId="0" fontId="6" fillId="0" borderId="24" xfId="43" applyBorder="1" applyAlignment="1">
      <alignment horizontal="center" vertical="center"/>
    </xf>
    <xf numFmtId="0" fontId="6" fillId="0" borderId="11" xfId="43" applyBorder="1" applyAlignment="1">
      <alignment horizontal="center" vertical="center"/>
    </xf>
    <xf numFmtId="0" fontId="6" fillId="0" borderId="29" xfId="43" applyBorder="1" applyAlignment="1">
      <alignment horizontal="center" vertical="center"/>
    </xf>
    <xf numFmtId="0" fontId="6" fillId="0" borderId="22" xfId="43" applyBorder="1" applyAlignment="1">
      <alignment horizontal="center" vertical="center"/>
    </xf>
    <xf numFmtId="0" fontId="6" fillId="0" borderId="12" xfId="43" applyBorder="1" applyAlignment="1">
      <alignment horizontal="center" vertical="center"/>
    </xf>
    <xf numFmtId="0" fontId="6" fillId="0" borderId="23" xfId="43" applyBorder="1" applyAlignment="1">
      <alignment horizontal="center" vertical="center"/>
    </xf>
    <xf numFmtId="0" fontId="6" fillId="0" borderId="27" xfId="43" applyBorder="1" applyAlignment="1">
      <alignment horizontal="center" vertical="center"/>
    </xf>
    <xf numFmtId="0" fontId="6" fillId="0" borderId="0" xfId="43" applyBorder="1" applyAlignment="1">
      <alignment horizontal="center" vertical="center"/>
    </xf>
    <xf numFmtId="0" fontId="0" fillId="0" borderId="24" xfId="0" applyFont="1" applyBorder="1" applyAlignment="1" applyProtection="1">
      <alignment horizontal="center" vertical="center" shrinkToFit="1"/>
      <protection locked="0"/>
    </xf>
    <xf numFmtId="0" fontId="0" fillId="0" borderId="11" xfId="0" applyFont="1" applyBorder="1" applyAlignment="1" applyProtection="1">
      <alignment horizontal="center" vertical="center" shrinkToFit="1"/>
      <protection locked="0"/>
    </xf>
    <xf numFmtId="0" fontId="0" fillId="0" borderId="29" xfId="0" applyFont="1" applyBorder="1" applyAlignment="1" applyProtection="1">
      <alignment horizontal="center" vertical="center" shrinkToFit="1"/>
      <protection locked="0"/>
    </xf>
    <xf numFmtId="0" fontId="6" fillId="0" borderId="20" xfId="43" applyBorder="1" applyAlignment="1">
      <alignment horizontal="center" vertical="center"/>
    </xf>
    <xf numFmtId="0" fontId="6" fillId="0" borderId="21" xfId="43" applyBorder="1" applyAlignment="1">
      <alignment horizontal="center" vertical="center"/>
    </xf>
    <xf numFmtId="0" fontId="4" fillId="0" borderId="20" xfId="43" applyFont="1" applyBorder="1" applyAlignment="1">
      <alignment horizontal="center" vertical="center"/>
    </xf>
    <xf numFmtId="0" fontId="4" fillId="0" borderId="21" xfId="43" applyFont="1" applyBorder="1" applyAlignment="1">
      <alignment horizontal="center" vertical="center"/>
    </xf>
    <xf numFmtId="0" fontId="0" fillId="0" borderId="20" xfId="0" applyFont="1" applyBorder="1" applyAlignment="1" applyProtection="1">
      <alignment horizontal="center" vertical="center" shrinkToFit="1"/>
      <protection locked="0"/>
    </xf>
    <xf numFmtId="0" fontId="0" fillId="0" borderId="21" xfId="0" applyFont="1" applyBorder="1" applyAlignment="1" applyProtection="1">
      <alignment horizontal="center" vertical="center" shrinkToFit="1"/>
      <protection locked="0"/>
    </xf>
    <xf numFmtId="177" fontId="0" fillId="0" borderId="13" xfId="0" applyNumberFormat="1" applyFont="1" applyBorder="1" applyAlignment="1" applyProtection="1">
      <alignment horizontal="center" vertical="center" shrinkToFit="1"/>
      <protection locked="0"/>
    </xf>
    <xf numFmtId="0" fontId="6" fillId="0" borderId="26" xfId="43" applyBorder="1" applyAlignment="1">
      <alignment horizontal="center" vertical="center"/>
    </xf>
    <xf numFmtId="0" fontId="5" fillId="0" borderId="0" xfId="44">
      <alignment vertical="center"/>
    </xf>
    <xf numFmtId="0" fontId="5" fillId="0" borderId="12" xfId="44" applyBorder="1">
      <alignment vertical="center"/>
    </xf>
    <xf numFmtId="0" fontId="0" fillId="0" borderId="24" xfId="0" applyFont="1" applyFill="1" applyBorder="1" applyAlignment="1" applyProtection="1">
      <alignment horizontal="center" shrinkToFit="1"/>
      <protection locked="0"/>
    </xf>
    <xf numFmtId="0" fontId="0" fillId="0" borderId="11" xfId="0" applyFont="1" applyFill="1" applyBorder="1" applyAlignment="1" applyProtection="1">
      <alignment horizontal="center" shrinkToFit="1"/>
      <protection locked="0"/>
    </xf>
    <xf numFmtId="0" fontId="0" fillId="0" borderId="29" xfId="0" applyFont="1" applyFill="1" applyBorder="1" applyAlignment="1" applyProtection="1">
      <alignment horizontal="center" shrinkToFit="1"/>
      <protection locked="0"/>
    </xf>
    <xf numFmtId="177" fontId="0" fillId="0" borderId="29" xfId="0" applyNumberFormat="1" applyFont="1" applyBorder="1" applyAlignment="1" applyProtection="1">
      <alignment horizontal="center" vertical="center" shrinkToFit="1"/>
      <protection locked="0"/>
    </xf>
    <xf numFmtId="177" fontId="0" fillId="0" borderId="23" xfId="0" applyNumberFormat="1" applyFont="1" applyBorder="1" applyAlignment="1" applyProtection="1">
      <alignment horizontal="center" vertical="center" shrinkToFit="1"/>
      <protection locked="0"/>
    </xf>
    <xf numFmtId="177" fontId="0" fillId="0" borderId="20" xfId="0" applyNumberFormat="1" applyFont="1" applyBorder="1" applyAlignment="1" applyProtection="1">
      <alignment horizontal="center" vertical="center" shrinkToFit="1"/>
      <protection locked="0"/>
    </xf>
    <xf numFmtId="177" fontId="0" fillId="0" borderId="21" xfId="0" applyNumberFormat="1" applyFont="1" applyBorder="1" applyAlignment="1" applyProtection="1">
      <alignment horizontal="center" vertical="center" shrinkToFit="1"/>
      <protection locked="0"/>
    </xf>
    <xf numFmtId="0" fontId="2" fillId="0" borderId="0" xfId="43" applyFont="1" applyBorder="1" applyAlignment="1">
      <alignment vertical="center"/>
    </xf>
    <xf numFmtId="0" fontId="3" fillId="0" borderId="0" xfId="43" applyFont="1" applyBorder="1" applyAlignment="1">
      <alignment vertical="center"/>
    </xf>
    <xf numFmtId="0" fontId="6" fillId="0" borderId="0" xfId="43" applyFont="1" applyBorder="1" applyAlignment="1">
      <alignment horizontal="center" vertical="center"/>
    </xf>
    <xf numFmtId="0" fontId="27" fillId="0" borderId="24" xfId="43" applyFont="1" applyBorder="1" applyAlignment="1">
      <alignment horizontal="center" vertical="center"/>
    </xf>
    <xf numFmtId="0" fontId="27" fillId="0" borderId="11" xfId="43" applyFont="1" applyBorder="1" applyAlignment="1">
      <alignment horizontal="center" vertical="center"/>
    </xf>
    <xf numFmtId="0" fontId="27" fillId="0" borderId="29" xfId="43" applyFont="1" applyBorder="1" applyAlignment="1">
      <alignment horizontal="center" vertical="center"/>
    </xf>
    <xf numFmtId="0" fontId="27" fillId="0" borderId="27" xfId="43" applyFont="1" applyBorder="1" applyAlignment="1">
      <alignment horizontal="center" vertical="center"/>
    </xf>
    <xf numFmtId="0" fontId="27" fillId="0" borderId="0" xfId="43" applyFont="1" applyBorder="1" applyAlignment="1">
      <alignment horizontal="center" vertical="center"/>
    </xf>
    <xf numFmtId="0" fontId="27" fillId="0" borderId="25" xfId="43" applyFont="1" applyBorder="1" applyAlignment="1">
      <alignment horizontal="center" vertical="center"/>
    </xf>
    <xf numFmtId="0" fontId="24" fillId="0" borderId="24" xfId="0" applyFont="1" applyBorder="1" applyAlignment="1" applyProtection="1">
      <alignment horizontal="center" vertical="center" shrinkToFit="1"/>
      <protection locked="0"/>
    </xf>
    <xf numFmtId="0" fontId="24" fillId="0" borderId="11" xfId="0" applyFont="1" applyBorder="1" applyAlignment="1" applyProtection="1">
      <alignment horizontal="center" vertical="center" shrinkToFit="1"/>
      <protection locked="0"/>
    </xf>
    <xf numFmtId="0" fontId="24" fillId="0" borderId="29" xfId="0" applyFont="1" applyBorder="1" applyAlignment="1" applyProtection="1">
      <alignment horizontal="center" vertical="center" shrinkToFit="1"/>
      <protection locked="0"/>
    </xf>
    <xf numFmtId="0" fontId="37" fillId="0" borderId="20" xfId="43" applyFont="1" applyBorder="1" applyAlignment="1">
      <alignment horizontal="center" vertical="center"/>
    </xf>
    <xf numFmtId="0" fontId="37" fillId="0" borderId="21" xfId="43" applyFont="1" applyBorder="1" applyAlignment="1">
      <alignment horizontal="center" vertical="center"/>
    </xf>
    <xf numFmtId="0" fontId="27" fillId="0" borderId="20" xfId="43" applyFont="1" applyBorder="1" applyAlignment="1">
      <alignment horizontal="center" vertical="center"/>
    </xf>
    <xf numFmtId="0" fontId="27" fillId="0" borderId="21" xfId="43" applyFont="1" applyBorder="1" applyAlignment="1">
      <alignment horizontal="center" vertical="center"/>
    </xf>
    <xf numFmtId="0" fontId="6" fillId="0" borderId="20" xfId="43" applyFont="1" applyBorder="1" applyAlignment="1">
      <alignment horizontal="center" vertical="center"/>
    </xf>
    <xf numFmtId="0" fontId="6" fillId="0" borderId="21" xfId="43" applyFont="1" applyBorder="1" applyAlignment="1">
      <alignment horizontal="center" vertical="center"/>
    </xf>
    <xf numFmtId="0" fontId="35" fillId="0" borderId="20" xfId="43" applyFont="1" applyBorder="1" applyAlignment="1">
      <alignment horizontal="center" vertical="center"/>
    </xf>
    <xf numFmtId="0" fontId="35" fillId="0" borderId="21" xfId="43" applyFont="1" applyBorder="1" applyAlignment="1">
      <alignment horizontal="center" vertical="center"/>
    </xf>
    <xf numFmtId="0" fontId="6" fillId="0" borderId="10" xfId="43" applyBorder="1" applyAlignment="1">
      <alignment horizontal="center" vertical="center"/>
    </xf>
    <xf numFmtId="0" fontId="6" fillId="0" borderId="0" xfId="43" applyAlignment="1">
      <alignment horizontal="center" vertical="center"/>
    </xf>
    <xf numFmtId="0" fontId="27" fillId="0" borderId="26" xfId="43" applyFont="1" applyBorder="1" applyAlignment="1">
      <alignment horizontal="center" vertical="center"/>
    </xf>
    <xf numFmtId="0" fontId="38" fillId="0" borderId="20" xfId="0" applyFont="1" applyBorder="1" applyAlignment="1" applyProtection="1">
      <alignment horizontal="center" vertical="center" shrinkToFit="1"/>
      <protection locked="0"/>
    </xf>
    <xf numFmtId="0" fontId="38" fillId="0" borderId="21" xfId="0" applyFont="1" applyBorder="1" applyAlignment="1" applyProtection="1">
      <alignment horizontal="center" vertical="center" shrinkToFit="1"/>
      <protection locked="0"/>
    </xf>
    <xf numFmtId="0" fontId="24" fillId="0" borderId="11" xfId="0" applyFont="1" applyFill="1" applyBorder="1" applyAlignment="1" applyProtection="1">
      <alignment horizontal="center" vertical="center" shrinkToFit="1"/>
      <protection locked="0"/>
    </xf>
    <xf numFmtId="0" fontId="24" fillId="0" borderId="0" xfId="0" applyFont="1" applyFill="1" applyBorder="1" applyAlignment="1" applyProtection="1">
      <alignment horizontal="center" vertical="center" shrinkToFit="1"/>
      <protection locked="0"/>
    </xf>
    <xf numFmtId="0" fontId="35" fillId="0" borderId="11" xfId="43" applyFont="1" applyFill="1" applyBorder="1" applyAlignment="1">
      <alignment horizontal="center" vertical="center"/>
    </xf>
    <xf numFmtId="0" fontId="35" fillId="0" borderId="0" xfId="43" applyFont="1" applyFill="1" applyBorder="1" applyAlignment="1">
      <alignment horizontal="center" vertical="center"/>
    </xf>
    <xf numFmtId="0" fontId="27" fillId="0" borderId="23" xfId="43" applyFont="1" applyBorder="1" applyAlignment="1">
      <alignment horizontal="center" vertical="center"/>
    </xf>
    <xf numFmtId="0" fontId="38" fillId="0" borderId="26" xfId="0" applyFont="1" applyBorder="1" applyAlignment="1" applyProtection="1">
      <alignment horizontal="center" vertical="center" shrinkToFit="1"/>
      <protection locked="0"/>
    </xf>
    <xf numFmtId="0" fontId="24" fillId="0" borderId="20" xfId="0" applyFont="1" applyBorder="1" applyAlignment="1" applyProtection="1">
      <alignment horizontal="center" vertical="center" shrinkToFit="1"/>
      <protection locked="0"/>
    </xf>
    <xf numFmtId="0" fontId="24" fillId="0" borderId="21" xfId="0" applyFont="1" applyBorder="1" applyAlignment="1" applyProtection="1">
      <alignment horizontal="center" vertical="center" shrinkToFit="1"/>
      <protection locked="0"/>
    </xf>
    <xf numFmtId="0" fontId="37" fillId="0" borderId="20" xfId="44" applyFont="1" applyBorder="1" applyAlignment="1">
      <alignment horizontal="center" vertical="center"/>
    </xf>
    <xf numFmtId="0" fontId="37" fillId="0" borderId="21" xfId="44" applyFont="1" applyBorder="1" applyAlignment="1">
      <alignment horizontal="center" vertical="center"/>
    </xf>
    <xf numFmtId="0" fontId="27" fillId="0" borderId="11" xfId="43" applyFont="1" applyFill="1" applyBorder="1" applyAlignment="1">
      <alignment horizontal="center" vertical="center"/>
    </xf>
    <xf numFmtId="0" fontId="27" fillId="0" borderId="0" xfId="43" applyFont="1" applyFill="1" applyBorder="1" applyAlignment="1">
      <alignment horizontal="center" vertical="center"/>
    </xf>
    <xf numFmtId="0" fontId="6" fillId="0" borderId="11" xfId="44" applyFont="1" applyFill="1" applyBorder="1" applyAlignment="1">
      <alignment horizontal="center" vertical="center"/>
    </xf>
    <xf numFmtId="0" fontId="6" fillId="0" borderId="0" xfId="44" applyFont="1" applyFill="1" applyBorder="1" applyAlignment="1">
      <alignment horizontal="center" vertical="center"/>
    </xf>
    <xf numFmtId="0" fontId="44" fillId="0" borderId="20" xfId="44" applyFont="1" applyBorder="1" applyAlignment="1">
      <alignment horizontal="center" vertical="center"/>
    </xf>
    <xf numFmtId="0" fontId="44" fillId="0" borderId="26" xfId="44" applyFont="1" applyBorder="1" applyAlignment="1">
      <alignment horizontal="center" vertical="center"/>
    </xf>
    <xf numFmtId="0" fontId="26" fillId="0" borderId="0" xfId="43" applyFont="1" applyBorder="1" applyAlignment="1">
      <alignment horizontal="left" vertical="center"/>
    </xf>
  </cellXfs>
  <cellStyles count="5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2"/>
    <cellStyle name="標準 2 2" xfId="43"/>
    <cellStyle name="標準 3" xfId="44"/>
    <cellStyle name="標準_Sheet1" xfId="45"/>
    <cellStyle name="標準_Sheet2" xfId="46"/>
    <cellStyle name="標準_Sheet3" xfId="47"/>
    <cellStyle name="標準_Sheet5" xfId="48"/>
    <cellStyle name="標準_Sheet8" xfId="49"/>
    <cellStyle name="標準_Sheet9" xfId="50"/>
    <cellStyle name="未定義" xfId="51"/>
    <cellStyle name="良い" xfId="5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5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8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4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3.xml"/><Relationship Id="rId20" Type="http://schemas.openxmlformats.org/officeDocument/2006/relationships/externalLink" Target="externalLinks/externalLink7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2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1.xml"/><Relationship Id="rId22" Type="http://schemas.openxmlformats.org/officeDocument/2006/relationships/externalLink" Target="externalLinks/externalLink9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09-0637/Desktop/Users/TAKAYUKI/AppData/Local/Microsoft/Windows/Temporary%20Internet%20Files/Content.IE5/OL6VOH6C/Documents%20and%20Settings/Owner/Local%20Settings/Temporary%20Internet%20Files/Content.IE5/6B83TA76/&#26481;&#20140;&#24037;&#26989;&#22823;&#2339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Owner\Local%20Settings\Temporary%20Internet%20Files\Content.IE5\6B83TA76\&#26481;&#20140;&#24037;&#26989;&#22823;&#2339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&#36020;&#35029;/Downloads/Users/TAKAYUKI/Desktop/22&#22823;/&#30058;&#32232;&#12487;&#12540;&#12479;/Documents%20and%20Settings/Owner/Local%20Settings/Temporary%20Internet%20Files/Content.IE5/6B83TA76/&#26481;&#20140;&#24037;&#26989;&#22823;&#23398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AKAYUKI/AppData/Local/Microsoft/Windows/Temporary%20Internet%20Files/Content.IE5/OL6VOH6C/Documents%20and%20Settings/Owner/Local%20Settings/Temporary%20Internet%20Files/Content.IE5/6B83TA76/&#26481;&#20140;&#24037;&#26989;&#22823;&#23398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&#36020;&#35029;/Downloads/Documents%20and%20Settings/Owner/Local%20Settings/Temporary%20Internet%20Files/Content.IE5/6B83TA76/&#26481;&#20140;&#24037;&#26989;&#22823;&#23398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Users\TAKAYUKI\AppData\Local\Microsoft\Windows\Temporary%20Internet%20Files\Content.IE5\OL6VOH6C\Documents%20and%20Settings\Owner\Local%20Settings\Temporary%20Internet%20Files\Content.IE5\6B83TA76\&#26481;&#20140;&#24037;&#26989;&#22823;&#23398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Documents%20and%20Settings\&#37329;&#20037;&#20445;&#27427;&#20043;\Local%20Settings\Temporary%20Internet%20Files\Content.IE5\AA7NCJB0\Documents%20and%20Settings\Owner\Local%20Settings\Temporary%20Internet%20Files\Content.IE5\6B83TA76\&#26481;&#20140;&#24037;&#26989;&#22823;&#23398;(&#26032;&#35215;)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&#36020;&#35029;/Downloads/Documents%20and%20Settings/&#37329;&#20037;&#20445;&#27427;&#20043;/Local%20Settings/Temporary%20Internet%20Files/Content.IE5/AA7NCJB0/Documents%20and%20Settings/Owner/Local%20Settings/Temporary%20Internet%20Files/Content.IE5/6B83TA76/&#26481;&#20140;&#24037;&#26989;&#22823;&#23398;(&#26032;&#35215;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2">
          <cell r="C2">
            <v>1</v>
          </cell>
        </row>
        <row r="3">
          <cell r="C3">
            <v>2</v>
          </cell>
        </row>
        <row r="4">
          <cell r="C4">
            <v>3</v>
          </cell>
        </row>
        <row r="5">
          <cell r="C5">
            <v>4</v>
          </cell>
        </row>
        <row r="6">
          <cell r="C6">
            <v>5</v>
          </cell>
        </row>
        <row r="7">
          <cell r="C7">
            <v>6</v>
          </cell>
        </row>
      </sheetData>
      <sheetData sheetId="1"/>
      <sheetData sheetId="2"/>
      <sheetData sheetId="3"/>
      <sheetData sheetId="4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1">
          <cell r="E1" t="str">
            <v>登記陸協</v>
          </cell>
        </row>
        <row r="2">
          <cell r="E2" t="str">
            <v>愛知</v>
          </cell>
        </row>
        <row r="3">
          <cell r="E3" t="str">
            <v>愛媛</v>
          </cell>
        </row>
        <row r="4">
          <cell r="E4" t="str">
            <v>茨城</v>
          </cell>
        </row>
        <row r="5">
          <cell r="E5" t="str">
            <v>岡山</v>
          </cell>
        </row>
        <row r="6">
          <cell r="E6" t="str">
            <v>沖縄</v>
          </cell>
        </row>
        <row r="7">
          <cell r="E7" t="str">
            <v>岩手</v>
          </cell>
        </row>
        <row r="8">
          <cell r="E8" t="str">
            <v>岐阜</v>
          </cell>
        </row>
        <row r="9">
          <cell r="E9" t="str">
            <v>宮崎</v>
          </cell>
        </row>
        <row r="10">
          <cell r="E10" t="str">
            <v>宮城</v>
          </cell>
        </row>
        <row r="11">
          <cell r="E11" t="str">
            <v>京都</v>
          </cell>
        </row>
        <row r="12">
          <cell r="E12" t="str">
            <v>熊本</v>
          </cell>
        </row>
        <row r="13">
          <cell r="E13" t="str">
            <v>群馬</v>
          </cell>
        </row>
        <row r="14">
          <cell r="E14" t="str">
            <v>広島</v>
          </cell>
        </row>
        <row r="15">
          <cell r="E15" t="str">
            <v>香川</v>
          </cell>
        </row>
        <row r="16">
          <cell r="E16" t="str">
            <v>高知</v>
          </cell>
        </row>
        <row r="17">
          <cell r="E17" t="str">
            <v>佐賀</v>
          </cell>
        </row>
        <row r="18">
          <cell r="E18" t="str">
            <v>埼玉</v>
          </cell>
        </row>
        <row r="19">
          <cell r="E19" t="str">
            <v>三重</v>
          </cell>
        </row>
        <row r="20">
          <cell r="E20" t="str">
            <v>山形</v>
          </cell>
        </row>
        <row r="21">
          <cell r="E21" t="str">
            <v>山口</v>
          </cell>
        </row>
        <row r="22">
          <cell r="E22" t="str">
            <v>山梨</v>
          </cell>
        </row>
        <row r="23">
          <cell r="E23" t="str">
            <v>滋賀</v>
          </cell>
        </row>
        <row r="24">
          <cell r="E24" t="str">
            <v>鹿児島</v>
          </cell>
        </row>
        <row r="25">
          <cell r="E25" t="str">
            <v>秋田</v>
          </cell>
        </row>
        <row r="26">
          <cell r="E26" t="str">
            <v>新潟</v>
          </cell>
        </row>
        <row r="27">
          <cell r="E27" t="str">
            <v>神奈川</v>
          </cell>
        </row>
        <row r="28">
          <cell r="E28" t="str">
            <v>青森</v>
          </cell>
        </row>
        <row r="29">
          <cell r="E29" t="str">
            <v>静岡</v>
          </cell>
        </row>
        <row r="30">
          <cell r="E30" t="str">
            <v>石川</v>
          </cell>
        </row>
        <row r="31">
          <cell r="E31" t="str">
            <v>千葉</v>
          </cell>
        </row>
        <row r="32">
          <cell r="E32" t="str">
            <v>大阪</v>
          </cell>
        </row>
        <row r="33">
          <cell r="E33" t="str">
            <v>大分</v>
          </cell>
        </row>
        <row r="34">
          <cell r="E34" t="str">
            <v>長崎</v>
          </cell>
        </row>
        <row r="35">
          <cell r="E35" t="str">
            <v>長野</v>
          </cell>
        </row>
        <row r="36">
          <cell r="E36" t="str">
            <v>鳥取</v>
          </cell>
        </row>
        <row r="37">
          <cell r="E37" t="str">
            <v>島根</v>
          </cell>
        </row>
        <row r="38">
          <cell r="E38" t="str">
            <v>東京</v>
          </cell>
        </row>
        <row r="39">
          <cell r="E39" t="str">
            <v>徳島</v>
          </cell>
        </row>
        <row r="40">
          <cell r="E40" t="str">
            <v>栃木</v>
          </cell>
        </row>
        <row r="41">
          <cell r="E41" t="str">
            <v>奈良</v>
          </cell>
        </row>
        <row r="42">
          <cell r="E42" t="str">
            <v>富山</v>
          </cell>
        </row>
        <row r="43">
          <cell r="E43" t="str">
            <v>福井</v>
          </cell>
        </row>
        <row r="44">
          <cell r="E44" t="str">
            <v>福岡</v>
          </cell>
        </row>
        <row r="45">
          <cell r="E45" t="str">
            <v>福島</v>
          </cell>
        </row>
        <row r="46">
          <cell r="E46" t="str">
            <v>兵庫</v>
          </cell>
        </row>
        <row r="47">
          <cell r="E47" t="str">
            <v>北海道</v>
          </cell>
        </row>
        <row r="48">
          <cell r="E48" t="str">
            <v>和歌山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1">
          <cell r="E1" t="str">
            <v>登記陸協</v>
          </cell>
        </row>
        <row r="2">
          <cell r="E2" t="str">
            <v>愛知</v>
          </cell>
        </row>
        <row r="3">
          <cell r="E3" t="str">
            <v>愛媛</v>
          </cell>
        </row>
        <row r="4">
          <cell r="E4" t="str">
            <v>茨城</v>
          </cell>
        </row>
        <row r="5">
          <cell r="E5" t="str">
            <v>岡山</v>
          </cell>
        </row>
        <row r="6">
          <cell r="E6" t="str">
            <v>沖縄</v>
          </cell>
        </row>
        <row r="7">
          <cell r="E7" t="str">
            <v>岩手</v>
          </cell>
        </row>
        <row r="8">
          <cell r="E8" t="str">
            <v>岐阜</v>
          </cell>
        </row>
        <row r="9">
          <cell r="E9" t="str">
            <v>宮崎</v>
          </cell>
        </row>
        <row r="10">
          <cell r="E10" t="str">
            <v>宮城</v>
          </cell>
        </row>
        <row r="11">
          <cell r="E11" t="str">
            <v>京都</v>
          </cell>
        </row>
        <row r="12">
          <cell r="E12" t="str">
            <v>熊本</v>
          </cell>
        </row>
        <row r="13">
          <cell r="E13" t="str">
            <v>群馬</v>
          </cell>
        </row>
        <row r="14">
          <cell r="E14" t="str">
            <v>広島</v>
          </cell>
        </row>
        <row r="15">
          <cell r="E15" t="str">
            <v>香川</v>
          </cell>
        </row>
        <row r="16">
          <cell r="E16" t="str">
            <v>高知</v>
          </cell>
        </row>
        <row r="17">
          <cell r="E17" t="str">
            <v>佐賀</v>
          </cell>
        </row>
        <row r="18">
          <cell r="E18" t="str">
            <v>埼玉</v>
          </cell>
        </row>
        <row r="19">
          <cell r="E19" t="str">
            <v>三重</v>
          </cell>
        </row>
        <row r="20">
          <cell r="E20" t="str">
            <v>山形</v>
          </cell>
        </row>
        <row r="21">
          <cell r="E21" t="str">
            <v>山口</v>
          </cell>
        </row>
        <row r="22">
          <cell r="E22" t="str">
            <v>山梨</v>
          </cell>
        </row>
        <row r="23">
          <cell r="E23" t="str">
            <v>滋賀</v>
          </cell>
        </row>
        <row r="24">
          <cell r="E24" t="str">
            <v>鹿児島</v>
          </cell>
        </row>
        <row r="25">
          <cell r="E25" t="str">
            <v>秋田</v>
          </cell>
        </row>
        <row r="26">
          <cell r="E26" t="str">
            <v>新潟</v>
          </cell>
        </row>
        <row r="27">
          <cell r="E27" t="str">
            <v>神奈川</v>
          </cell>
        </row>
        <row r="28">
          <cell r="E28" t="str">
            <v>青森</v>
          </cell>
        </row>
        <row r="29">
          <cell r="E29" t="str">
            <v>静岡</v>
          </cell>
        </row>
        <row r="30">
          <cell r="E30" t="str">
            <v>石川</v>
          </cell>
        </row>
        <row r="31">
          <cell r="E31" t="str">
            <v>千葉</v>
          </cell>
        </row>
        <row r="32">
          <cell r="E32" t="str">
            <v>大阪</v>
          </cell>
        </row>
        <row r="33">
          <cell r="E33" t="str">
            <v>大分</v>
          </cell>
        </row>
        <row r="34">
          <cell r="E34" t="str">
            <v>長崎</v>
          </cell>
        </row>
        <row r="35">
          <cell r="E35" t="str">
            <v>長野</v>
          </cell>
        </row>
        <row r="36">
          <cell r="E36" t="str">
            <v>鳥取</v>
          </cell>
        </row>
        <row r="37">
          <cell r="E37" t="str">
            <v>島根</v>
          </cell>
        </row>
        <row r="38">
          <cell r="E38" t="str">
            <v>東京</v>
          </cell>
        </row>
        <row r="39">
          <cell r="E39" t="str">
            <v>徳島</v>
          </cell>
        </row>
        <row r="40">
          <cell r="E40" t="str">
            <v>栃木</v>
          </cell>
        </row>
        <row r="41">
          <cell r="E41" t="str">
            <v>奈良</v>
          </cell>
        </row>
        <row r="42">
          <cell r="E42" t="str">
            <v>富山</v>
          </cell>
        </row>
        <row r="43">
          <cell r="E43" t="str">
            <v>福井</v>
          </cell>
        </row>
        <row r="44">
          <cell r="E44" t="str">
            <v>福岡</v>
          </cell>
        </row>
        <row r="45">
          <cell r="E45" t="str">
            <v>福島</v>
          </cell>
        </row>
        <row r="46">
          <cell r="E46" t="str">
            <v>兵庫</v>
          </cell>
        </row>
        <row r="47">
          <cell r="E47" t="str">
            <v>北海道</v>
          </cell>
        </row>
        <row r="48">
          <cell r="E48" t="str">
            <v>和歌山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リスト"/>
      <sheetName val="個人（男子）"/>
      <sheetName val="団体（男子）"/>
      <sheetName val="個人（女子）"/>
      <sheetName val="団体（女子）"/>
    </sheetNames>
    <sheetDataSet>
      <sheetData sheetId="0">
        <row r="1">
          <cell r="E1" t="str">
            <v>登記陸協</v>
          </cell>
        </row>
        <row r="2">
          <cell r="E2" t="str">
            <v>愛知</v>
          </cell>
        </row>
        <row r="3">
          <cell r="E3" t="str">
            <v>愛媛</v>
          </cell>
        </row>
        <row r="4">
          <cell r="E4" t="str">
            <v>茨城</v>
          </cell>
        </row>
        <row r="5">
          <cell r="E5" t="str">
            <v>岡山</v>
          </cell>
        </row>
        <row r="6">
          <cell r="E6" t="str">
            <v>沖縄</v>
          </cell>
        </row>
        <row r="7">
          <cell r="E7" t="str">
            <v>岩手</v>
          </cell>
        </row>
        <row r="8">
          <cell r="E8" t="str">
            <v>岐阜</v>
          </cell>
        </row>
        <row r="9">
          <cell r="E9" t="str">
            <v>宮崎</v>
          </cell>
        </row>
        <row r="10">
          <cell r="E10" t="str">
            <v>宮城</v>
          </cell>
        </row>
        <row r="11">
          <cell r="E11" t="str">
            <v>京都</v>
          </cell>
        </row>
        <row r="12">
          <cell r="E12" t="str">
            <v>熊本</v>
          </cell>
        </row>
        <row r="13">
          <cell r="E13" t="str">
            <v>群馬</v>
          </cell>
        </row>
        <row r="14">
          <cell r="E14" t="str">
            <v>広島</v>
          </cell>
        </row>
        <row r="15">
          <cell r="E15" t="str">
            <v>香川</v>
          </cell>
        </row>
        <row r="16">
          <cell r="E16" t="str">
            <v>高知</v>
          </cell>
        </row>
        <row r="17">
          <cell r="E17" t="str">
            <v>佐賀</v>
          </cell>
        </row>
        <row r="18">
          <cell r="E18" t="str">
            <v>埼玉</v>
          </cell>
        </row>
        <row r="19">
          <cell r="E19" t="str">
            <v>三重</v>
          </cell>
        </row>
        <row r="20">
          <cell r="E20" t="str">
            <v>山形</v>
          </cell>
        </row>
        <row r="21">
          <cell r="E21" t="str">
            <v>山口</v>
          </cell>
        </row>
        <row r="22">
          <cell r="E22" t="str">
            <v>山梨</v>
          </cell>
        </row>
        <row r="23">
          <cell r="E23" t="str">
            <v>滋賀</v>
          </cell>
        </row>
        <row r="24">
          <cell r="E24" t="str">
            <v>鹿児島</v>
          </cell>
        </row>
        <row r="25">
          <cell r="E25" t="str">
            <v>秋田</v>
          </cell>
        </row>
        <row r="26">
          <cell r="E26" t="str">
            <v>新潟</v>
          </cell>
        </row>
        <row r="27">
          <cell r="E27" t="str">
            <v>神奈川</v>
          </cell>
        </row>
        <row r="28">
          <cell r="E28" t="str">
            <v>青森</v>
          </cell>
        </row>
        <row r="29">
          <cell r="E29" t="str">
            <v>静岡</v>
          </cell>
        </row>
        <row r="30">
          <cell r="E30" t="str">
            <v>石川</v>
          </cell>
        </row>
        <row r="31">
          <cell r="E31" t="str">
            <v>千葉</v>
          </cell>
        </row>
        <row r="32">
          <cell r="E32" t="str">
            <v>大阪</v>
          </cell>
        </row>
        <row r="33">
          <cell r="E33" t="str">
            <v>大分</v>
          </cell>
        </row>
        <row r="34">
          <cell r="E34" t="str">
            <v>長崎</v>
          </cell>
        </row>
        <row r="35">
          <cell r="E35" t="str">
            <v>長野</v>
          </cell>
        </row>
        <row r="36">
          <cell r="E36" t="str">
            <v>鳥取</v>
          </cell>
        </row>
        <row r="37">
          <cell r="E37" t="str">
            <v>島根</v>
          </cell>
        </row>
        <row r="38">
          <cell r="E38" t="str">
            <v>東京</v>
          </cell>
        </row>
        <row r="39">
          <cell r="E39" t="str">
            <v>徳島</v>
          </cell>
        </row>
        <row r="40">
          <cell r="E40" t="str">
            <v>栃木</v>
          </cell>
        </row>
        <row r="41">
          <cell r="E41" t="str">
            <v>奈良</v>
          </cell>
        </row>
        <row r="42">
          <cell r="E42" t="str">
            <v>富山</v>
          </cell>
        </row>
        <row r="43">
          <cell r="E43" t="str">
            <v>福井</v>
          </cell>
        </row>
        <row r="44">
          <cell r="E44" t="str">
            <v>福岡</v>
          </cell>
        </row>
        <row r="45">
          <cell r="E45" t="str">
            <v>福島</v>
          </cell>
        </row>
        <row r="46">
          <cell r="E46" t="str">
            <v>兵庫</v>
          </cell>
        </row>
        <row r="47">
          <cell r="E47" t="str">
            <v>北海道</v>
          </cell>
        </row>
        <row r="48">
          <cell r="E48" t="str">
            <v>和歌山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138"/>
  <sheetViews>
    <sheetView zoomScaleNormal="100" workbookViewId="0">
      <selection activeCell="D14" sqref="D14"/>
    </sheetView>
  </sheetViews>
  <sheetFormatPr defaultColWidth="13" defaultRowHeight="13.2"/>
  <cols>
    <col min="1" max="1" width="7.109375" style="4" customWidth="1"/>
    <col min="2" max="2" width="3.33203125" style="54" customWidth="1"/>
    <col min="3" max="3" width="6" style="55" customWidth="1"/>
    <col min="4" max="4" width="12.88671875" style="56" customWidth="1"/>
    <col min="5" max="5" width="1.109375" style="54" customWidth="1"/>
    <col min="6" max="6" width="7.6640625" style="4" customWidth="1"/>
    <col min="7" max="7" width="1.21875" style="4" customWidth="1"/>
    <col min="8" max="8" width="5" style="55" customWidth="1"/>
    <col min="9" max="9" width="1.109375" style="54" customWidth="1"/>
    <col min="10" max="10" width="3.88671875" style="2" customWidth="1"/>
    <col min="11" max="11" width="1.109375" style="2" customWidth="1"/>
    <col min="12" max="12" width="5" style="2" customWidth="1"/>
    <col min="13" max="13" width="9.44140625" style="4" customWidth="1"/>
    <col min="14" max="14" width="1.109375" style="87" customWidth="1"/>
    <col min="15" max="15" width="4.44140625" style="4" customWidth="1"/>
    <col min="16" max="16" width="1.109375" style="4" customWidth="1"/>
    <col min="17" max="17" width="4.88671875" style="4" customWidth="1"/>
    <col min="18" max="18" width="1.109375" style="4" customWidth="1"/>
    <col min="19" max="19" width="4.88671875" style="4" customWidth="1"/>
    <col min="20" max="20" width="13" style="4" bestFit="1" customWidth="1"/>
    <col min="21" max="21" width="12.88671875" style="4" customWidth="1"/>
    <col min="22" max="16384" width="13" style="4"/>
  </cols>
  <sheetData>
    <row r="1" spans="1:19">
      <c r="B1" s="420" t="s">
        <v>83</v>
      </c>
      <c r="C1" s="421"/>
      <c r="D1" s="421"/>
      <c r="E1" s="421"/>
      <c r="F1" s="1"/>
      <c r="G1" s="1"/>
      <c r="H1" s="2"/>
      <c r="I1" s="3"/>
      <c r="M1" s="1"/>
      <c r="N1" s="53"/>
      <c r="O1" s="1"/>
      <c r="P1" s="1"/>
      <c r="Q1" s="1"/>
      <c r="R1" s="1"/>
      <c r="S1" s="1"/>
    </row>
    <row r="2" spans="1:19">
      <c r="B2" s="421"/>
      <c r="C2" s="421"/>
      <c r="D2" s="421"/>
      <c r="E2" s="421"/>
      <c r="F2" s="1"/>
      <c r="G2" s="1"/>
      <c r="H2" s="2"/>
      <c r="I2" s="3"/>
      <c r="M2" s="1"/>
      <c r="N2" s="53"/>
      <c r="O2" s="1"/>
      <c r="P2" s="1"/>
      <c r="Q2" s="1"/>
      <c r="R2" s="1"/>
      <c r="S2" s="1"/>
    </row>
    <row r="3" spans="1:19">
      <c r="B3" s="421"/>
      <c r="C3" s="421"/>
      <c r="D3" s="421"/>
      <c r="E3" s="421"/>
      <c r="F3" s="1"/>
      <c r="G3" s="1"/>
      <c r="H3" s="2"/>
      <c r="I3" s="3"/>
      <c r="M3" s="1"/>
      <c r="N3" s="53"/>
      <c r="O3" s="1"/>
      <c r="P3" s="1"/>
      <c r="Q3" s="1"/>
      <c r="R3" s="1"/>
      <c r="S3" s="1"/>
    </row>
    <row r="4" spans="1:19">
      <c r="B4" s="421"/>
      <c r="C4" s="421"/>
      <c r="D4" s="421"/>
      <c r="E4" s="421"/>
      <c r="F4" s="1" t="s">
        <v>0</v>
      </c>
      <c r="G4" s="1"/>
      <c r="H4" s="2"/>
      <c r="I4" s="3"/>
      <c r="J4" s="422" t="s">
        <v>107</v>
      </c>
      <c r="K4" s="422"/>
      <c r="L4" s="422"/>
      <c r="M4" s="1" t="s">
        <v>106</v>
      </c>
      <c r="N4" s="53"/>
      <c r="O4" s="5"/>
      <c r="P4" s="1"/>
      <c r="Q4" s="1"/>
      <c r="R4" s="1"/>
      <c r="S4" s="1"/>
    </row>
    <row r="5" spans="1:19">
      <c r="B5" s="421"/>
      <c r="C5" s="421"/>
      <c r="D5" s="421"/>
      <c r="E5" s="421"/>
      <c r="F5" s="426" t="s">
        <v>103</v>
      </c>
      <c r="G5" s="427"/>
      <c r="H5" s="427"/>
      <c r="J5" s="422" t="s">
        <v>104</v>
      </c>
      <c r="K5" s="422"/>
      <c r="L5" s="422"/>
      <c r="M5" s="1" t="s">
        <v>105</v>
      </c>
      <c r="N5" s="53"/>
      <c r="O5" s="5"/>
      <c r="P5" s="1"/>
      <c r="Q5" s="1"/>
      <c r="R5" s="1"/>
      <c r="S5" s="1"/>
    </row>
    <row r="6" spans="1:19">
      <c r="B6" s="6"/>
      <c r="C6" s="7"/>
      <c r="D6" s="7"/>
      <c r="E6" s="6"/>
      <c r="F6" s="422"/>
      <c r="G6" s="422"/>
      <c r="H6" s="422"/>
      <c r="I6" s="3"/>
      <c r="J6" s="422"/>
      <c r="K6" s="422"/>
      <c r="L6" s="422"/>
      <c r="M6" s="1"/>
      <c r="N6" s="53"/>
      <c r="O6" s="1"/>
      <c r="P6" s="1"/>
      <c r="Q6" s="1"/>
      <c r="R6" s="5"/>
      <c r="S6" s="5"/>
    </row>
    <row r="7" spans="1:19" ht="19.2">
      <c r="B7" s="423"/>
      <c r="C7" s="424"/>
      <c r="D7" s="424"/>
      <c r="E7" s="59"/>
      <c r="F7" s="10"/>
      <c r="G7" s="10"/>
      <c r="H7" s="60"/>
      <c r="I7" s="59"/>
      <c r="J7" s="60"/>
      <c r="K7" s="60"/>
      <c r="L7" s="60"/>
      <c r="M7" s="10"/>
      <c r="N7" s="10"/>
      <c r="O7" s="10"/>
      <c r="P7" s="10"/>
      <c r="Q7" s="61"/>
      <c r="R7" s="61"/>
      <c r="S7" s="61"/>
    </row>
    <row r="8" spans="1:19">
      <c r="B8" s="6"/>
      <c r="C8" s="43"/>
      <c r="D8" s="43"/>
      <c r="E8" s="6"/>
      <c r="F8" s="43"/>
      <c r="G8" s="57"/>
      <c r="H8" s="44"/>
      <c r="I8" s="6"/>
      <c r="J8" s="62"/>
      <c r="K8" s="58"/>
      <c r="L8" s="58"/>
      <c r="M8" s="5"/>
      <c r="N8" s="17"/>
      <c r="O8" s="5"/>
      <c r="P8" s="5"/>
      <c r="Q8" s="5"/>
      <c r="R8" s="5"/>
      <c r="S8" s="5"/>
    </row>
    <row r="9" spans="1:19" ht="19.2">
      <c r="B9" s="256" t="s">
        <v>284</v>
      </c>
      <c r="C9" s="250"/>
      <c r="D9" s="250"/>
      <c r="E9" s="6"/>
      <c r="F9" s="17"/>
      <c r="G9" s="17"/>
      <c r="H9" s="18"/>
      <c r="I9" s="6"/>
      <c r="J9" s="18"/>
      <c r="K9" s="18"/>
      <c r="L9" s="18"/>
      <c r="M9" s="17"/>
      <c r="N9" s="17"/>
      <c r="O9" s="17"/>
      <c r="P9" s="17"/>
      <c r="Q9" s="1"/>
      <c r="R9" s="1"/>
      <c r="S9" s="1"/>
    </row>
    <row r="10" spans="1:19">
      <c r="B10" s="30" t="s">
        <v>1</v>
      </c>
      <c r="C10" s="31" t="s">
        <v>2</v>
      </c>
      <c r="D10" s="23" t="s">
        <v>3</v>
      </c>
      <c r="E10" s="23"/>
      <c r="F10" s="23" t="s">
        <v>4</v>
      </c>
      <c r="G10" s="22"/>
      <c r="H10" s="38" t="s">
        <v>60</v>
      </c>
      <c r="I10" s="39"/>
      <c r="J10" s="417" t="s">
        <v>99</v>
      </c>
      <c r="K10" s="417"/>
      <c r="L10" s="417"/>
      <c r="M10" s="1"/>
      <c r="N10" s="63"/>
      <c r="O10" s="22" t="s">
        <v>5</v>
      </c>
      <c r="P10" s="22"/>
      <c r="Q10" s="417" t="s">
        <v>6</v>
      </c>
      <c r="R10" s="417"/>
      <c r="S10" s="417"/>
    </row>
    <row r="11" spans="1:19">
      <c r="A11" s="14"/>
      <c r="B11" s="64" t="s">
        <v>7</v>
      </c>
      <c r="C11" s="95"/>
      <c r="D11" s="65"/>
      <c r="E11" s="25"/>
      <c r="F11" s="26"/>
      <c r="G11" s="66"/>
      <c r="H11" s="67"/>
      <c r="I11" s="25"/>
      <c r="J11" s="414"/>
      <c r="K11" s="414"/>
      <c r="L11" s="414"/>
      <c r="M11" s="5"/>
      <c r="N11" s="23" t="s">
        <v>8</v>
      </c>
      <c r="O11" s="23"/>
      <c r="P11" s="23" t="s">
        <v>9</v>
      </c>
      <c r="Q11" s="23"/>
      <c r="R11" s="23" t="s">
        <v>10</v>
      </c>
      <c r="S11" s="23"/>
    </row>
    <row r="12" spans="1:19">
      <c r="A12" s="14"/>
      <c r="B12" s="64" t="s">
        <v>11</v>
      </c>
      <c r="C12" s="95"/>
      <c r="D12" s="65"/>
      <c r="E12" s="25"/>
      <c r="F12" s="26"/>
      <c r="G12" s="66"/>
      <c r="H12" s="67"/>
      <c r="I12" s="25"/>
      <c r="J12" s="414"/>
      <c r="K12" s="414"/>
      <c r="L12" s="414"/>
      <c r="M12" s="5"/>
      <c r="N12" s="11" t="s">
        <v>8</v>
      </c>
      <c r="O12" s="11"/>
      <c r="P12" s="11" t="s">
        <v>9</v>
      </c>
      <c r="Q12" s="11"/>
      <c r="R12" s="11" t="s">
        <v>10</v>
      </c>
      <c r="S12" s="11"/>
    </row>
    <row r="13" spans="1:19">
      <c r="A13" s="14"/>
      <c r="B13" s="64" t="s">
        <v>12</v>
      </c>
      <c r="C13" s="95">
        <v>107</v>
      </c>
      <c r="D13" s="65" t="s">
        <v>561</v>
      </c>
      <c r="E13" s="261" t="s">
        <v>51</v>
      </c>
      <c r="F13" s="125" t="s">
        <v>238</v>
      </c>
      <c r="G13" s="261" t="s">
        <v>47</v>
      </c>
      <c r="H13" s="26">
        <v>3</v>
      </c>
      <c r="I13" s="262" t="s">
        <v>52</v>
      </c>
      <c r="J13" s="414">
        <v>11.68</v>
      </c>
      <c r="K13" s="414"/>
      <c r="L13" s="414"/>
      <c r="M13" s="5"/>
      <c r="N13" s="11" t="s">
        <v>8</v>
      </c>
      <c r="O13" s="11" t="s">
        <v>266</v>
      </c>
      <c r="P13" s="11" t="s">
        <v>9</v>
      </c>
      <c r="Q13" s="11" t="s">
        <v>270</v>
      </c>
      <c r="R13" s="11" t="s">
        <v>10</v>
      </c>
      <c r="S13" s="11" t="s">
        <v>271</v>
      </c>
    </row>
    <row r="14" spans="1:19">
      <c r="A14" s="252"/>
      <c r="B14" s="64" t="s">
        <v>13</v>
      </c>
      <c r="C14" s="95">
        <v>35</v>
      </c>
      <c r="D14" s="317" t="s">
        <v>141</v>
      </c>
      <c r="E14" s="261" t="s">
        <v>51</v>
      </c>
      <c r="F14" s="125" t="s">
        <v>114</v>
      </c>
      <c r="G14" s="261" t="s">
        <v>47</v>
      </c>
      <c r="H14" s="26">
        <v>3</v>
      </c>
      <c r="I14" s="262" t="s">
        <v>52</v>
      </c>
      <c r="J14" s="414">
        <v>11.35</v>
      </c>
      <c r="K14" s="414"/>
      <c r="L14" s="414"/>
      <c r="M14" s="5"/>
      <c r="N14" s="11" t="s">
        <v>8</v>
      </c>
      <c r="O14" s="11" t="s">
        <v>267</v>
      </c>
      <c r="P14" s="11" t="s">
        <v>9</v>
      </c>
      <c r="Q14" s="11" t="s">
        <v>270</v>
      </c>
      <c r="R14" s="11" t="s">
        <v>10</v>
      </c>
      <c r="S14" s="11" t="s">
        <v>267</v>
      </c>
    </row>
    <row r="15" spans="1:19">
      <c r="A15" s="14"/>
      <c r="B15" s="64" t="s">
        <v>14</v>
      </c>
      <c r="C15" s="95">
        <v>3</v>
      </c>
      <c r="D15" s="65" t="s">
        <v>224</v>
      </c>
      <c r="E15" s="261" t="s">
        <v>51</v>
      </c>
      <c r="F15" s="125" t="s">
        <v>236</v>
      </c>
      <c r="G15" s="261" t="s">
        <v>47</v>
      </c>
      <c r="H15" s="26">
        <v>2</v>
      </c>
      <c r="I15" s="262" t="s">
        <v>52</v>
      </c>
      <c r="J15" s="414">
        <v>11.25</v>
      </c>
      <c r="K15" s="414"/>
      <c r="L15" s="414"/>
      <c r="M15" s="5"/>
      <c r="N15" s="11" t="s">
        <v>8</v>
      </c>
      <c r="O15" s="11" t="s">
        <v>268</v>
      </c>
      <c r="P15" s="11" t="s">
        <v>9</v>
      </c>
      <c r="Q15" s="11" t="s">
        <v>272</v>
      </c>
      <c r="R15" s="11" t="s">
        <v>10</v>
      </c>
      <c r="S15" s="11" t="s">
        <v>273</v>
      </c>
    </row>
    <row r="16" spans="1:19">
      <c r="A16" s="252"/>
      <c r="B16" s="64" t="s">
        <v>15</v>
      </c>
      <c r="C16" s="254">
        <v>114</v>
      </c>
      <c r="D16" s="68" t="s">
        <v>161</v>
      </c>
      <c r="E16" s="261" t="s">
        <v>51</v>
      </c>
      <c r="F16" s="125" t="s">
        <v>238</v>
      </c>
      <c r="G16" s="261" t="s">
        <v>47</v>
      </c>
      <c r="H16" s="26">
        <v>2</v>
      </c>
      <c r="I16" s="262" t="s">
        <v>84</v>
      </c>
      <c r="J16" s="425"/>
      <c r="K16" s="425"/>
      <c r="L16" s="425"/>
      <c r="M16" s="5"/>
      <c r="N16" s="11" t="s">
        <v>8</v>
      </c>
      <c r="O16" s="11" t="s">
        <v>269</v>
      </c>
      <c r="P16" s="11" t="s">
        <v>9</v>
      </c>
      <c r="Q16" s="11" t="s">
        <v>274</v>
      </c>
      <c r="R16" s="11" t="s">
        <v>10</v>
      </c>
      <c r="S16" s="11" t="s">
        <v>266</v>
      </c>
    </row>
    <row r="17" spans="1:22">
      <c r="A17" s="14"/>
      <c r="B17" s="64" t="s">
        <v>16</v>
      </c>
      <c r="C17" s="95"/>
      <c r="D17" s="65"/>
      <c r="E17" s="25"/>
      <c r="F17" s="26"/>
      <c r="G17" s="66"/>
      <c r="H17" s="67"/>
      <c r="I17" s="25"/>
      <c r="J17" s="414"/>
      <c r="K17" s="414"/>
      <c r="L17" s="414"/>
      <c r="M17" s="5"/>
      <c r="N17" s="11" t="s">
        <v>8</v>
      </c>
      <c r="O17" s="11"/>
      <c r="P17" s="11" t="s">
        <v>9</v>
      </c>
      <c r="Q17" s="11"/>
      <c r="R17" s="11" t="s">
        <v>10</v>
      </c>
      <c r="S17" s="11"/>
    </row>
    <row r="18" spans="1:22">
      <c r="A18" s="14"/>
      <c r="B18" s="3"/>
      <c r="C18" s="2"/>
      <c r="D18" s="29"/>
      <c r="E18" s="3"/>
      <c r="F18" s="3"/>
      <c r="G18" s="1"/>
      <c r="H18" s="2"/>
      <c r="I18" s="3"/>
      <c r="J18" s="3"/>
      <c r="K18" s="3"/>
      <c r="L18" s="3"/>
      <c r="M18" s="5"/>
      <c r="N18" s="3"/>
      <c r="O18" s="3"/>
      <c r="P18" s="3"/>
      <c r="Q18" s="3"/>
      <c r="R18" s="3"/>
      <c r="S18" s="3"/>
    </row>
    <row r="19" spans="1:22" ht="19.2">
      <c r="A19" s="14"/>
      <c r="B19" s="256" t="s">
        <v>285</v>
      </c>
      <c r="C19" s="256"/>
      <c r="D19" s="256"/>
      <c r="E19" s="256"/>
      <c r="F19" s="256"/>
      <c r="G19" s="256"/>
      <c r="H19" s="256"/>
      <c r="I19" s="6"/>
      <c r="J19" s="6"/>
      <c r="K19" s="6"/>
      <c r="L19" s="6"/>
      <c r="M19" s="17"/>
      <c r="N19" s="6"/>
      <c r="O19" s="6"/>
      <c r="P19" s="6"/>
      <c r="Q19" s="3"/>
      <c r="R19" s="3"/>
      <c r="S19" s="3"/>
    </row>
    <row r="20" spans="1:22">
      <c r="A20" s="14"/>
      <c r="B20" s="30" t="s">
        <v>1</v>
      </c>
      <c r="C20" s="31" t="s">
        <v>2</v>
      </c>
      <c r="D20" s="23" t="s">
        <v>3</v>
      </c>
      <c r="E20" s="23"/>
      <c r="F20" s="23" t="s">
        <v>4</v>
      </c>
      <c r="G20" s="22"/>
      <c r="H20" s="38" t="s">
        <v>60</v>
      </c>
      <c r="I20" s="39"/>
      <c r="J20" s="417" t="s">
        <v>100</v>
      </c>
      <c r="K20" s="417"/>
      <c r="L20" s="417"/>
      <c r="M20" s="1"/>
      <c r="N20" s="23"/>
      <c r="O20" s="23" t="s">
        <v>5</v>
      </c>
      <c r="P20" s="23"/>
      <c r="Q20" s="417" t="s">
        <v>6</v>
      </c>
      <c r="R20" s="417"/>
      <c r="S20" s="417"/>
      <c r="U20" s="207"/>
      <c r="V20" s="207"/>
    </row>
    <row r="21" spans="1:22">
      <c r="A21" s="14"/>
      <c r="B21" s="69" t="s">
        <v>7</v>
      </c>
      <c r="C21" s="255"/>
      <c r="D21" s="70"/>
      <c r="E21" s="28"/>
      <c r="F21" s="28"/>
      <c r="G21" s="66"/>
      <c r="H21" s="259"/>
      <c r="I21" s="71"/>
      <c r="J21" s="419"/>
      <c r="K21" s="419"/>
      <c r="L21" s="419"/>
      <c r="M21" s="1"/>
      <c r="N21" s="23"/>
      <c r="O21" s="23"/>
      <c r="P21" s="23"/>
      <c r="Q21" s="23"/>
      <c r="R21" s="23"/>
      <c r="S21" s="23"/>
      <c r="U21" s="207"/>
      <c r="V21" s="207"/>
    </row>
    <row r="22" spans="1:22">
      <c r="A22" s="252"/>
      <c r="B22" s="64" t="s">
        <v>11</v>
      </c>
      <c r="C22" s="95"/>
      <c r="D22" s="65"/>
      <c r="E22" s="261"/>
      <c r="F22" s="125"/>
      <c r="G22" s="261"/>
      <c r="H22" s="26"/>
      <c r="I22" s="262"/>
      <c r="J22" s="415"/>
      <c r="K22" s="415"/>
      <c r="L22" s="415"/>
      <c r="M22" s="6"/>
      <c r="N22" s="11" t="s">
        <v>8</v>
      </c>
      <c r="O22" s="11"/>
      <c r="P22" s="11" t="s">
        <v>9</v>
      </c>
      <c r="Q22" s="11"/>
      <c r="R22" s="11" t="s">
        <v>10</v>
      </c>
      <c r="S22" s="11"/>
      <c r="U22" s="207"/>
      <c r="V22" s="207"/>
    </row>
    <row r="23" spans="1:22">
      <c r="A23" s="252"/>
      <c r="B23" s="64" t="s">
        <v>12</v>
      </c>
      <c r="C23" s="95">
        <v>13</v>
      </c>
      <c r="D23" s="317" t="s">
        <v>143</v>
      </c>
      <c r="E23" s="261" t="s">
        <v>51</v>
      </c>
      <c r="F23" s="125" t="s">
        <v>134</v>
      </c>
      <c r="G23" s="261" t="s">
        <v>47</v>
      </c>
      <c r="H23" s="26">
        <v>2</v>
      </c>
      <c r="I23" s="262" t="s">
        <v>52</v>
      </c>
      <c r="J23" s="414">
        <v>11.56</v>
      </c>
      <c r="K23" s="414"/>
      <c r="L23" s="414"/>
      <c r="M23" s="5"/>
      <c r="N23" s="11" t="s">
        <v>8</v>
      </c>
      <c r="O23" s="11" t="s">
        <v>267</v>
      </c>
      <c r="P23" s="11" t="s">
        <v>9</v>
      </c>
      <c r="Q23" s="11" t="s">
        <v>270</v>
      </c>
      <c r="R23" s="11" t="s">
        <v>10</v>
      </c>
      <c r="S23" s="11" t="s">
        <v>279</v>
      </c>
      <c r="V23" s="207"/>
    </row>
    <row r="24" spans="1:22">
      <c r="A24" s="252"/>
      <c r="B24" s="64" t="s">
        <v>13</v>
      </c>
      <c r="C24" s="95">
        <v>35</v>
      </c>
      <c r="D24" s="317" t="s">
        <v>141</v>
      </c>
      <c r="E24" s="261" t="s">
        <v>51</v>
      </c>
      <c r="F24" s="125" t="s">
        <v>134</v>
      </c>
      <c r="G24" s="261" t="s">
        <v>47</v>
      </c>
      <c r="H24" s="26">
        <v>3</v>
      </c>
      <c r="I24" s="262" t="s">
        <v>52</v>
      </c>
      <c r="J24" s="415">
        <v>11.35</v>
      </c>
      <c r="K24" s="415"/>
      <c r="L24" s="415"/>
      <c r="M24" s="5"/>
      <c r="N24" s="11" t="s">
        <v>8</v>
      </c>
      <c r="O24" s="11"/>
      <c r="P24" s="11" t="s">
        <v>9</v>
      </c>
      <c r="Q24" s="11"/>
      <c r="R24" s="11" t="s">
        <v>275</v>
      </c>
      <c r="S24" s="11"/>
      <c r="V24" s="207"/>
    </row>
    <row r="25" spans="1:22">
      <c r="A25" s="252"/>
      <c r="B25" s="64" t="s">
        <v>14</v>
      </c>
      <c r="C25" s="95">
        <v>18</v>
      </c>
      <c r="D25" s="316" t="s">
        <v>142</v>
      </c>
      <c r="E25" s="261" t="s">
        <v>51</v>
      </c>
      <c r="F25" s="125" t="s">
        <v>134</v>
      </c>
      <c r="G25" s="261" t="s">
        <v>47</v>
      </c>
      <c r="H25" s="26">
        <v>2</v>
      </c>
      <c r="I25" s="262" t="s">
        <v>52</v>
      </c>
      <c r="J25" s="418">
        <v>11.24</v>
      </c>
      <c r="K25" s="418"/>
      <c r="L25" s="418"/>
      <c r="M25" s="5"/>
      <c r="N25" s="11" t="s">
        <v>8</v>
      </c>
      <c r="O25" s="11"/>
      <c r="P25" s="11" t="s">
        <v>9</v>
      </c>
      <c r="Q25" s="11"/>
      <c r="R25" s="11" t="s">
        <v>276</v>
      </c>
      <c r="S25" s="11"/>
      <c r="V25" s="207"/>
    </row>
    <row r="26" spans="1:22">
      <c r="A26" s="252"/>
      <c r="B26" s="64" t="s">
        <v>15</v>
      </c>
      <c r="C26" s="54">
        <v>9</v>
      </c>
      <c r="D26" s="316" t="s">
        <v>144</v>
      </c>
      <c r="E26" s="261" t="s">
        <v>51</v>
      </c>
      <c r="F26" s="125" t="s">
        <v>134</v>
      </c>
      <c r="G26" s="261" t="s">
        <v>47</v>
      </c>
      <c r="H26" s="26">
        <v>2</v>
      </c>
      <c r="I26" s="262" t="s">
        <v>52</v>
      </c>
      <c r="J26" s="418">
        <v>11.7</v>
      </c>
      <c r="K26" s="418"/>
      <c r="L26" s="418"/>
      <c r="M26" s="5"/>
      <c r="N26" s="11" t="s">
        <v>8</v>
      </c>
      <c r="O26" s="11" t="s">
        <v>268</v>
      </c>
      <c r="P26" s="11" t="s">
        <v>9</v>
      </c>
      <c r="Q26" s="11" t="s">
        <v>270</v>
      </c>
      <c r="R26" s="11" t="s">
        <v>10</v>
      </c>
      <c r="S26" s="11" t="s">
        <v>269</v>
      </c>
    </row>
    <row r="27" spans="1:22">
      <c r="A27" s="14"/>
      <c r="B27" s="64" t="s">
        <v>16</v>
      </c>
      <c r="C27" s="246">
        <v>306</v>
      </c>
      <c r="D27" s="253" t="s">
        <v>145</v>
      </c>
      <c r="E27" s="261" t="s">
        <v>51</v>
      </c>
      <c r="F27" s="125" t="s">
        <v>135</v>
      </c>
      <c r="G27" s="261" t="s">
        <v>47</v>
      </c>
      <c r="H27" s="26" t="s">
        <v>146</v>
      </c>
      <c r="I27" s="262" t="s">
        <v>52</v>
      </c>
      <c r="J27" s="414">
        <v>11.8</v>
      </c>
      <c r="K27" s="414"/>
      <c r="L27" s="414"/>
      <c r="M27" s="5"/>
      <c r="N27" s="11" t="s">
        <v>8</v>
      </c>
      <c r="O27" s="11" t="s">
        <v>277</v>
      </c>
      <c r="P27" s="11" t="s">
        <v>9</v>
      </c>
      <c r="Q27" s="11" t="s">
        <v>270</v>
      </c>
      <c r="R27" s="11" t="s">
        <v>10</v>
      </c>
      <c r="S27" s="11" t="s">
        <v>280</v>
      </c>
    </row>
    <row r="28" spans="1:22">
      <c r="A28" s="14"/>
      <c r="B28" s="64" t="s">
        <v>17</v>
      </c>
      <c r="C28" s="95">
        <v>307</v>
      </c>
      <c r="D28" s="65" t="s">
        <v>282</v>
      </c>
      <c r="E28" s="261" t="s">
        <v>51</v>
      </c>
      <c r="F28" s="125" t="s">
        <v>116</v>
      </c>
      <c r="G28" s="261" t="s">
        <v>47</v>
      </c>
      <c r="H28" s="26" t="s">
        <v>208</v>
      </c>
      <c r="I28" s="262" t="s">
        <v>52</v>
      </c>
      <c r="J28" s="414" t="s">
        <v>283</v>
      </c>
      <c r="K28" s="414"/>
      <c r="L28" s="414"/>
      <c r="M28" s="5"/>
      <c r="N28" s="11" t="s">
        <v>8</v>
      </c>
      <c r="O28" s="11" t="s">
        <v>278</v>
      </c>
      <c r="P28" s="11" t="s">
        <v>9</v>
      </c>
      <c r="Q28" s="11" t="s">
        <v>281</v>
      </c>
      <c r="R28" s="11" t="s">
        <v>10</v>
      </c>
      <c r="S28" s="11" t="s">
        <v>268</v>
      </c>
    </row>
    <row r="29" spans="1:22">
      <c r="A29" s="14"/>
      <c r="B29" s="6"/>
      <c r="C29" s="72"/>
      <c r="D29" s="72"/>
      <c r="E29" s="6"/>
      <c r="F29" s="6"/>
      <c r="G29" s="5"/>
      <c r="H29" s="18"/>
      <c r="I29" s="6"/>
      <c r="J29" s="73"/>
      <c r="K29" s="73"/>
      <c r="L29" s="73"/>
      <c r="M29" s="1"/>
      <c r="N29" s="53"/>
      <c r="O29" s="1"/>
      <c r="P29" s="1"/>
      <c r="Q29" s="1"/>
      <c r="R29" s="1"/>
      <c r="S29" s="1"/>
    </row>
    <row r="30" spans="1:22" ht="19.2">
      <c r="A30" s="14"/>
      <c r="B30" s="256" t="s">
        <v>286</v>
      </c>
      <c r="C30" s="258"/>
      <c r="D30" s="258"/>
      <c r="E30" s="6"/>
      <c r="F30" s="6"/>
      <c r="G30" s="17"/>
      <c r="H30" s="18"/>
      <c r="I30" s="6"/>
      <c r="J30" s="73"/>
      <c r="K30" s="73"/>
      <c r="L30" s="73"/>
      <c r="M30" s="6"/>
      <c r="N30" s="17"/>
      <c r="O30" s="17"/>
      <c r="P30" s="17"/>
      <c r="Q30" s="1"/>
      <c r="R30" s="1"/>
      <c r="S30" s="1"/>
    </row>
    <row r="31" spans="1:22">
      <c r="A31" s="14"/>
      <c r="B31" s="30" t="s">
        <v>1</v>
      </c>
      <c r="C31" s="31" t="s">
        <v>2</v>
      </c>
      <c r="D31" s="23" t="s">
        <v>3</v>
      </c>
      <c r="E31" s="23"/>
      <c r="F31" s="23" t="s">
        <v>4</v>
      </c>
      <c r="G31" s="22"/>
      <c r="H31" s="38" t="s">
        <v>60</v>
      </c>
      <c r="I31" s="39"/>
      <c r="J31" s="417" t="s">
        <v>100</v>
      </c>
      <c r="K31" s="417"/>
      <c r="L31" s="417"/>
      <c r="M31" s="1"/>
      <c r="N31" s="63"/>
      <c r="O31" s="22" t="s">
        <v>5</v>
      </c>
      <c r="P31" s="22"/>
      <c r="Q31" s="417" t="s">
        <v>6</v>
      </c>
      <c r="R31" s="417"/>
      <c r="S31" s="417"/>
    </row>
    <row r="32" spans="1:22">
      <c r="A32" s="14"/>
      <c r="B32" s="64" t="s">
        <v>57</v>
      </c>
      <c r="C32" s="95"/>
      <c r="D32" s="65"/>
      <c r="E32" s="25"/>
      <c r="F32" s="26"/>
      <c r="G32" s="66"/>
      <c r="H32" s="67"/>
      <c r="I32" s="25"/>
      <c r="J32" s="414"/>
      <c r="K32" s="414"/>
      <c r="L32" s="414"/>
      <c r="M32" s="5"/>
      <c r="N32" s="388" t="s">
        <v>8</v>
      </c>
      <c r="O32" s="388"/>
      <c r="P32" s="388" t="s">
        <v>9</v>
      </c>
      <c r="Q32" s="388"/>
      <c r="R32" s="388" t="s">
        <v>10</v>
      </c>
      <c r="S32" s="388"/>
    </row>
    <row r="33" spans="1:19">
      <c r="A33" s="14"/>
      <c r="B33" s="64" t="s">
        <v>11</v>
      </c>
      <c r="C33" s="95">
        <v>124</v>
      </c>
      <c r="D33" s="65" t="s">
        <v>264</v>
      </c>
      <c r="E33" s="261" t="s">
        <v>51</v>
      </c>
      <c r="F33" s="125" t="s">
        <v>116</v>
      </c>
      <c r="G33" s="261" t="s">
        <v>47</v>
      </c>
      <c r="H33" s="26">
        <v>1</v>
      </c>
      <c r="I33" s="262" t="s">
        <v>52</v>
      </c>
      <c r="J33" s="415"/>
      <c r="K33" s="415"/>
      <c r="L33" s="415"/>
      <c r="M33" s="5"/>
      <c r="N33" s="388" t="s">
        <v>8</v>
      </c>
      <c r="O33" s="388" t="s">
        <v>267</v>
      </c>
      <c r="P33" s="388" t="s">
        <v>9</v>
      </c>
      <c r="Q33" s="388" t="s">
        <v>274</v>
      </c>
      <c r="R33" s="388" t="s">
        <v>10</v>
      </c>
      <c r="S33" s="388" t="s">
        <v>268</v>
      </c>
    </row>
    <row r="34" spans="1:19">
      <c r="A34" s="14"/>
      <c r="B34" s="64" t="s">
        <v>12</v>
      </c>
      <c r="C34" s="289">
        <v>303</v>
      </c>
      <c r="D34" s="318" t="s">
        <v>149</v>
      </c>
      <c r="E34" s="261" t="s">
        <v>51</v>
      </c>
      <c r="F34" s="125" t="s">
        <v>135</v>
      </c>
      <c r="G34" s="261" t="s">
        <v>47</v>
      </c>
      <c r="H34" s="26" t="s">
        <v>151</v>
      </c>
      <c r="I34" s="262" t="s">
        <v>52</v>
      </c>
      <c r="J34" s="414">
        <v>12</v>
      </c>
      <c r="K34" s="414"/>
      <c r="L34" s="414"/>
      <c r="M34" s="6"/>
      <c r="N34" s="11" t="s">
        <v>8</v>
      </c>
      <c r="O34" s="11"/>
      <c r="P34" s="11" t="s">
        <v>9</v>
      </c>
      <c r="Q34" s="11"/>
      <c r="R34" s="11" t="s">
        <v>275</v>
      </c>
      <c r="S34" s="11"/>
    </row>
    <row r="35" spans="1:19">
      <c r="A35" s="14"/>
      <c r="B35" s="64" t="s">
        <v>13</v>
      </c>
      <c r="C35" s="54">
        <v>17</v>
      </c>
      <c r="D35" s="290" t="s">
        <v>148</v>
      </c>
      <c r="E35" s="261" t="s">
        <v>51</v>
      </c>
      <c r="F35" s="125" t="s">
        <v>134</v>
      </c>
      <c r="G35" s="261" t="s">
        <v>47</v>
      </c>
      <c r="H35" s="26">
        <v>2</v>
      </c>
      <c r="I35" s="262" t="s">
        <v>52</v>
      </c>
      <c r="J35" s="414">
        <v>12</v>
      </c>
      <c r="K35" s="414"/>
      <c r="L35" s="414"/>
      <c r="M35" s="5"/>
      <c r="N35" s="11" t="s">
        <v>8</v>
      </c>
      <c r="O35" s="11" t="s">
        <v>268</v>
      </c>
      <c r="P35" s="11" t="s">
        <v>9</v>
      </c>
      <c r="Q35" s="11" t="s">
        <v>274</v>
      </c>
      <c r="R35" s="11" t="s">
        <v>10</v>
      </c>
      <c r="S35" s="11" t="s">
        <v>268</v>
      </c>
    </row>
    <row r="36" spans="1:19">
      <c r="A36" s="14"/>
      <c r="B36" s="64" t="s">
        <v>14</v>
      </c>
      <c r="C36" s="95">
        <v>302</v>
      </c>
      <c r="D36" s="65" t="s">
        <v>150</v>
      </c>
      <c r="E36" s="261" t="s">
        <v>51</v>
      </c>
      <c r="F36" s="125" t="s">
        <v>135</v>
      </c>
      <c r="G36" s="261" t="s">
        <v>47</v>
      </c>
      <c r="H36" s="26" t="s">
        <v>152</v>
      </c>
      <c r="I36" s="262" t="s">
        <v>52</v>
      </c>
      <c r="J36" s="414">
        <v>12</v>
      </c>
      <c r="K36" s="414"/>
      <c r="L36" s="414"/>
      <c r="M36" s="5"/>
      <c r="N36" s="11" t="s">
        <v>8</v>
      </c>
      <c r="O36" s="11" t="s">
        <v>271</v>
      </c>
      <c r="P36" s="11" t="s">
        <v>9</v>
      </c>
      <c r="Q36" s="11" t="s">
        <v>274</v>
      </c>
      <c r="R36" s="11" t="s">
        <v>10</v>
      </c>
      <c r="S36" s="11" t="s">
        <v>271</v>
      </c>
    </row>
    <row r="37" spans="1:19">
      <c r="A37" s="14"/>
      <c r="B37" s="64" t="s">
        <v>15</v>
      </c>
      <c r="C37" s="54">
        <v>31</v>
      </c>
      <c r="D37" s="291" t="s">
        <v>147</v>
      </c>
      <c r="E37" s="261" t="s">
        <v>51</v>
      </c>
      <c r="F37" s="125" t="s">
        <v>134</v>
      </c>
      <c r="G37" s="261" t="s">
        <v>47</v>
      </c>
      <c r="H37" s="26">
        <v>3</v>
      </c>
      <c r="I37" s="262" t="s">
        <v>52</v>
      </c>
      <c r="J37" s="414">
        <v>12</v>
      </c>
      <c r="K37" s="414"/>
      <c r="L37" s="414"/>
      <c r="M37" s="5"/>
      <c r="N37" s="11" t="s">
        <v>8</v>
      </c>
      <c r="O37" s="11" t="s">
        <v>266</v>
      </c>
      <c r="P37" s="11" t="s">
        <v>9</v>
      </c>
      <c r="Q37" s="11" t="s">
        <v>274</v>
      </c>
      <c r="R37" s="11" t="s">
        <v>10</v>
      </c>
      <c r="S37" s="11" t="s">
        <v>266</v>
      </c>
    </row>
    <row r="38" spans="1:19">
      <c r="A38" s="14"/>
      <c r="B38" s="64" t="s">
        <v>16</v>
      </c>
      <c r="C38" s="95">
        <v>131</v>
      </c>
      <c r="D38" s="315" t="s">
        <v>265</v>
      </c>
      <c r="E38" s="261" t="s">
        <v>51</v>
      </c>
      <c r="F38" s="125" t="s">
        <v>135</v>
      </c>
      <c r="G38" s="261" t="s">
        <v>47</v>
      </c>
      <c r="H38" s="26">
        <v>1</v>
      </c>
      <c r="I38" s="262" t="s">
        <v>52</v>
      </c>
      <c r="J38" s="414"/>
      <c r="K38" s="414"/>
      <c r="L38" s="414"/>
      <c r="M38" s="6"/>
      <c r="N38" s="11" t="s">
        <v>8</v>
      </c>
      <c r="O38" s="11" t="s">
        <v>269</v>
      </c>
      <c r="P38" s="11" t="s">
        <v>9</v>
      </c>
      <c r="Q38" s="11" t="s">
        <v>287</v>
      </c>
      <c r="R38" s="11" t="s">
        <v>10</v>
      </c>
      <c r="S38" s="11" t="s">
        <v>266</v>
      </c>
    </row>
    <row r="39" spans="1:19">
      <c r="A39" s="14"/>
      <c r="B39" s="64" t="s">
        <v>17</v>
      </c>
      <c r="C39" s="95"/>
      <c r="D39" s="65"/>
      <c r="E39" s="25"/>
      <c r="F39" s="26"/>
      <c r="G39" s="66"/>
      <c r="H39" s="67"/>
      <c r="I39" s="25"/>
      <c r="J39" s="416"/>
      <c r="K39" s="416"/>
      <c r="L39" s="416"/>
      <c r="M39" s="5"/>
      <c r="N39" s="11" t="s">
        <v>8</v>
      </c>
      <c r="O39" s="11"/>
      <c r="P39" s="11" t="s">
        <v>9</v>
      </c>
      <c r="Q39" s="11"/>
      <c r="R39" s="11" t="s">
        <v>10</v>
      </c>
      <c r="S39" s="11"/>
    </row>
    <row r="40" spans="1:19">
      <c r="A40" s="14"/>
      <c r="B40" s="6"/>
      <c r="C40" s="43"/>
      <c r="D40" s="43"/>
      <c r="E40" s="6"/>
      <c r="F40" s="74"/>
      <c r="G40" s="57"/>
      <c r="H40" s="44"/>
      <c r="I40" s="6"/>
      <c r="J40" s="62"/>
      <c r="K40" s="58"/>
      <c r="L40" s="58"/>
      <c r="M40" s="5"/>
      <c r="N40" s="387"/>
      <c r="O40" s="387"/>
      <c r="P40" s="387"/>
      <c r="Q40" s="387"/>
      <c r="R40" s="387"/>
      <c r="S40" s="387"/>
    </row>
    <row r="41" spans="1:19" ht="19.2">
      <c r="A41" s="14"/>
      <c r="B41" s="258" t="s">
        <v>299</v>
      </c>
      <c r="C41" s="257"/>
      <c r="D41" s="257"/>
      <c r="E41" s="3"/>
      <c r="F41" s="3"/>
      <c r="G41" s="1"/>
      <c r="H41" s="2"/>
      <c r="I41" s="3"/>
      <c r="J41" s="3"/>
      <c r="K41" s="3"/>
      <c r="L41" s="3"/>
      <c r="M41" s="3"/>
      <c r="N41" s="389"/>
      <c r="O41" s="389"/>
      <c r="P41" s="389"/>
      <c r="Q41" s="389"/>
      <c r="R41" s="389"/>
      <c r="S41" s="389"/>
    </row>
    <row r="42" spans="1:19">
      <c r="A42" s="14"/>
      <c r="B42" s="45" t="s">
        <v>1</v>
      </c>
      <c r="C42" s="46" t="s">
        <v>2</v>
      </c>
      <c r="D42" s="23" t="s">
        <v>3</v>
      </c>
      <c r="E42" s="23"/>
      <c r="F42" s="23" t="s">
        <v>4</v>
      </c>
      <c r="G42" s="22"/>
      <c r="H42" s="47"/>
      <c r="I42" s="23"/>
      <c r="J42" s="417" t="s">
        <v>100</v>
      </c>
      <c r="K42" s="417"/>
      <c r="L42" s="417"/>
      <c r="M42" s="1"/>
      <c r="N42" s="388"/>
      <c r="O42" s="388" t="s">
        <v>5</v>
      </c>
      <c r="P42" s="388"/>
      <c r="Q42" s="417" t="s">
        <v>6</v>
      </c>
      <c r="R42" s="417"/>
      <c r="S42" s="417"/>
    </row>
    <row r="43" spans="1:19">
      <c r="A43" s="14"/>
      <c r="B43" s="64" t="s">
        <v>57</v>
      </c>
      <c r="C43" s="24"/>
      <c r="D43" s="65"/>
      <c r="E43" s="25"/>
      <c r="F43" s="26"/>
      <c r="G43" s="66"/>
      <c r="H43" s="67"/>
      <c r="I43" s="25"/>
      <c r="J43" s="415"/>
      <c r="K43" s="415"/>
      <c r="L43" s="415"/>
      <c r="M43" s="5"/>
      <c r="N43" s="388" t="s">
        <v>8</v>
      </c>
      <c r="O43" s="388"/>
      <c r="P43" s="388" t="s">
        <v>9</v>
      </c>
      <c r="Q43" s="388"/>
      <c r="R43" s="388" t="s">
        <v>10</v>
      </c>
      <c r="S43" s="388"/>
    </row>
    <row r="44" spans="1:19">
      <c r="A44" s="14"/>
      <c r="B44" s="64" t="s">
        <v>11</v>
      </c>
      <c r="C44" s="95"/>
      <c r="D44" s="65"/>
      <c r="E44" s="261" t="s">
        <v>51</v>
      </c>
      <c r="F44" s="125"/>
      <c r="G44" s="261" t="s">
        <v>47</v>
      </c>
      <c r="H44" s="26"/>
      <c r="I44" s="262" t="s">
        <v>52</v>
      </c>
      <c r="J44" s="415"/>
      <c r="K44" s="415"/>
      <c r="L44" s="415"/>
      <c r="M44" s="5"/>
      <c r="N44" s="388" t="s">
        <v>8</v>
      </c>
      <c r="O44" s="388"/>
      <c r="P44" s="388" t="s">
        <v>9</v>
      </c>
      <c r="Q44" s="388"/>
      <c r="R44" s="388" t="s">
        <v>10</v>
      </c>
      <c r="S44" s="388"/>
    </row>
    <row r="45" spans="1:19">
      <c r="A45" s="14"/>
      <c r="B45" s="64" t="s">
        <v>12</v>
      </c>
      <c r="C45" s="95">
        <v>201</v>
      </c>
      <c r="D45" s="315" t="s">
        <v>328</v>
      </c>
      <c r="E45" s="261" t="s">
        <v>51</v>
      </c>
      <c r="F45" s="125" t="s">
        <v>296</v>
      </c>
      <c r="G45" s="261" t="s">
        <v>47</v>
      </c>
      <c r="H45" s="26" t="s">
        <v>297</v>
      </c>
      <c r="I45" s="262" t="s">
        <v>52</v>
      </c>
      <c r="J45" s="414"/>
      <c r="K45" s="414"/>
      <c r="L45" s="414"/>
      <c r="M45" s="6"/>
      <c r="N45" s="11" t="s">
        <v>8</v>
      </c>
      <c r="O45" s="11" t="s">
        <v>289</v>
      </c>
      <c r="P45" s="11" t="s">
        <v>9</v>
      </c>
      <c r="Q45" s="11" t="s">
        <v>270</v>
      </c>
      <c r="R45" s="11" t="s">
        <v>288</v>
      </c>
      <c r="S45" s="11" t="s">
        <v>268</v>
      </c>
    </row>
    <row r="46" spans="1:19">
      <c r="A46" s="14"/>
      <c r="B46" s="64" t="s">
        <v>13</v>
      </c>
      <c r="C46" s="95">
        <v>48</v>
      </c>
      <c r="D46" s="65" t="s">
        <v>302</v>
      </c>
      <c r="E46" s="261" t="s">
        <v>51</v>
      </c>
      <c r="F46" s="125" t="s">
        <v>296</v>
      </c>
      <c r="G46" s="261" t="s">
        <v>47</v>
      </c>
      <c r="H46" s="26">
        <v>1</v>
      </c>
      <c r="I46" s="262" t="s">
        <v>52</v>
      </c>
      <c r="J46" s="414"/>
      <c r="K46" s="414"/>
      <c r="L46" s="414"/>
      <c r="M46" s="5"/>
      <c r="N46" s="11" t="s">
        <v>8</v>
      </c>
      <c r="O46" s="11" t="s">
        <v>280</v>
      </c>
      <c r="P46" s="11" t="s">
        <v>9</v>
      </c>
      <c r="Q46" s="11" t="s">
        <v>292</v>
      </c>
      <c r="R46" s="11" t="s">
        <v>10</v>
      </c>
      <c r="S46" s="11" t="s">
        <v>266</v>
      </c>
    </row>
    <row r="47" spans="1:19">
      <c r="A47" s="14"/>
      <c r="B47" s="64" t="s">
        <v>14</v>
      </c>
      <c r="C47" s="95">
        <v>210</v>
      </c>
      <c r="D47" s="65" t="s">
        <v>300</v>
      </c>
      <c r="E47" s="261" t="s">
        <v>51</v>
      </c>
      <c r="F47" s="125" t="s">
        <v>296</v>
      </c>
      <c r="G47" s="261" t="s">
        <v>47</v>
      </c>
      <c r="H47" s="26" t="s">
        <v>298</v>
      </c>
      <c r="I47" s="262" t="s">
        <v>52</v>
      </c>
      <c r="J47" s="414"/>
      <c r="K47" s="414"/>
      <c r="L47" s="414"/>
      <c r="M47" s="5"/>
      <c r="N47" s="11" t="s">
        <v>8</v>
      </c>
      <c r="O47" s="11" t="s">
        <v>290</v>
      </c>
      <c r="P47" s="11" t="s">
        <v>9</v>
      </c>
      <c r="Q47" s="11" t="s">
        <v>274</v>
      </c>
      <c r="R47" s="11" t="s">
        <v>10</v>
      </c>
      <c r="S47" s="11" t="s">
        <v>293</v>
      </c>
    </row>
    <row r="48" spans="1:19">
      <c r="A48" s="14"/>
      <c r="B48" s="64" t="s">
        <v>15</v>
      </c>
      <c r="C48" s="95">
        <v>30</v>
      </c>
      <c r="D48" s="65" t="s">
        <v>303</v>
      </c>
      <c r="E48" s="261" t="s">
        <v>51</v>
      </c>
      <c r="F48" s="125" t="s">
        <v>296</v>
      </c>
      <c r="G48" s="261" t="s">
        <v>47</v>
      </c>
      <c r="H48" s="26">
        <v>3</v>
      </c>
      <c r="I48" s="262" t="s">
        <v>52</v>
      </c>
      <c r="J48" s="414"/>
      <c r="K48" s="414"/>
      <c r="L48" s="414"/>
      <c r="M48" s="5"/>
      <c r="N48" s="11" t="s">
        <v>8</v>
      </c>
      <c r="O48" s="11" t="s">
        <v>267</v>
      </c>
      <c r="P48" s="11" t="s">
        <v>9</v>
      </c>
      <c r="Q48" s="11" t="s">
        <v>270</v>
      </c>
      <c r="R48" s="11" t="s">
        <v>10</v>
      </c>
      <c r="S48" s="11" t="s">
        <v>294</v>
      </c>
    </row>
    <row r="49" spans="1:19">
      <c r="A49" s="14"/>
      <c r="B49" s="64" t="s">
        <v>16</v>
      </c>
      <c r="C49" s="95">
        <v>209</v>
      </c>
      <c r="D49" s="65" t="s">
        <v>301</v>
      </c>
      <c r="E49" s="261" t="s">
        <v>51</v>
      </c>
      <c r="F49" s="125" t="s">
        <v>296</v>
      </c>
      <c r="G49" s="261" t="s">
        <v>47</v>
      </c>
      <c r="H49" s="26" t="s">
        <v>298</v>
      </c>
      <c r="I49" s="262" t="s">
        <v>52</v>
      </c>
      <c r="J49" s="414"/>
      <c r="K49" s="414"/>
      <c r="L49" s="414"/>
      <c r="M49" s="5"/>
      <c r="N49" s="11" t="s">
        <v>8</v>
      </c>
      <c r="O49" s="11" t="s">
        <v>291</v>
      </c>
      <c r="P49" s="11" t="s">
        <v>9</v>
      </c>
      <c r="Q49" s="11" t="s">
        <v>274</v>
      </c>
      <c r="R49" s="11" t="s">
        <v>10</v>
      </c>
      <c r="S49" s="11" t="s">
        <v>295</v>
      </c>
    </row>
    <row r="50" spans="1:19">
      <c r="A50" s="14"/>
      <c r="B50" s="64" t="s">
        <v>17</v>
      </c>
      <c r="C50" s="95">
        <v>49</v>
      </c>
      <c r="D50" s="65" t="s">
        <v>304</v>
      </c>
      <c r="E50" s="261" t="s">
        <v>51</v>
      </c>
      <c r="F50" s="125" t="s">
        <v>296</v>
      </c>
      <c r="G50" s="261" t="s">
        <v>47</v>
      </c>
      <c r="H50" s="26">
        <v>1</v>
      </c>
      <c r="I50" s="262" t="s">
        <v>52</v>
      </c>
      <c r="J50" s="414"/>
      <c r="K50" s="414"/>
      <c r="L50" s="414"/>
      <c r="M50" s="5"/>
      <c r="N50" s="11" t="s">
        <v>8</v>
      </c>
      <c r="O50" s="11" t="s">
        <v>269</v>
      </c>
      <c r="P50" s="11" t="s">
        <v>9</v>
      </c>
      <c r="Q50" s="11" t="s">
        <v>274</v>
      </c>
      <c r="R50" s="11" t="s">
        <v>10</v>
      </c>
      <c r="S50" s="11" t="s">
        <v>295</v>
      </c>
    </row>
    <row r="51" spans="1:19">
      <c r="A51" s="14"/>
      <c r="B51" s="6"/>
      <c r="C51" s="76"/>
      <c r="D51" s="76"/>
      <c r="E51" s="34"/>
      <c r="F51" s="77"/>
      <c r="G51" s="78"/>
      <c r="H51" s="79"/>
      <c r="I51" s="34"/>
      <c r="J51" s="80"/>
      <c r="K51" s="80"/>
      <c r="L51" s="80"/>
      <c r="M51" s="5"/>
      <c r="N51" s="387"/>
      <c r="O51" s="387"/>
      <c r="P51" s="387"/>
      <c r="Q51" s="387"/>
      <c r="R51" s="387"/>
      <c r="S51" s="387"/>
    </row>
    <row r="52" spans="1:19">
      <c r="A52" s="14"/>
      <c r="B52" s="6"/>
      <c r="C52" s="76"/>
      <c r="D52" s="76"/>
      <c r="E52" s="34"/>
      <c r="F52" s="77"/>
      <c r="G52" s="78"/>
      <c r="H52" s="79"/>
      <c r="I52" s="34"/>
      <c r="J52" s="80"/>
      <c r="K52" s="80"/>
      <c r="L52" s="80"/>
      <c r="M52" s="5"/>
      <c r="N52" s="387"/>
      <c r="O52" s="387"/>
      <c r="P52" s="387"/>
      <c r="Q52" s="387"/>
      <c r="R52" s="387"/>
      <c r="S52" s="387"/>
    </row>
    <row r="53" spans="1:19">
      <c r="A53" s="14"/>
      <c r="B53" s="6"/>
      <c r="C53" s="76"/>
      <c r="D53" s="76"/>
      <c r="E53" s="34"/>
      <c r="F53" s="77"/>
      <c r="G53" s="78"/>
      <c r="H53" s="79"/>
      <c r="I53" s="34"/>
      <c r="J53" s="80"/>
      <c r="K53" s="80"/>
      <c r="L53" s="80"/>
      <c r="M53" s="5"/>
      <c r="N53" s="387"/>
      <c r="O53" s="387"/>
      <c r="P53" s="387"/>
      <c r="Q53" s="387"/>
      <c r="R53" s="387"/>
      <c r="S53" s="387"/>
    </row>
    <row r="54" spans="1:19">
      <c r="A54" s="14"/>
      <c r="B54" s="6"/>
      <c r="C54" s="7"/>
      <c r="D54" s="7"/>
      <c r="E54" s="6"/>
      <c r="F54" s="81"/>
      <c r="G54" s="57"/>
      <c r="H54" s="8"/>
      <c r="I54" s="6"/>
      <c r="J54" s="9"/>
      <c r="K54" s="58"/>
      <c r="L54" s="58"/>
      <c r="M54" s="1"/>
      <c r="N54" s="387"/>
      <c r="O54" s="387"/>
      <c r="P54" s="387"/>
      <c r="Q54" s="387"/>
      <c r="R54" s="387"/>
      <c r="S54" s="387"/>
    </row>
    <row r="55" spans="1:19">
      <c r="A55" s="14"/>
      <c r="B55" s="6"/>
      <c r="C55" s="82"/>
      <c r="D55" s="82"/>
      <c r="E55" s="6"/>
      <c r="F55" s="83"/>
      <c r="G55" s="57"/>
      <c r="H55" s="84"/>
      <c r="I55" s="6"/>
      <c r="J55" s="6"/>
      <c r="K55" s="6"/>
      <c r="L55" s="6"/>
      <c r="M55" s="1"/>
      <c r="N55" s="17"/>
      <c r="O55" s="17"/>
      <c r="P55" s="5"/>
      <c r="Q55" s="5"/>
      <c r="R55" s="5"/>
      <c r="S55" s="5"/>
    </row>
    <row r="56" spans="1:19">
      <c r="A56" s="14"/>
      <c r="B56" s="6"/>
      <c r="C56" s="82"/>
      <c r="D56" s="82"/>
      <c r="E56" s="6"/>
      <c r="F56" s="82"/>
      <c r="G56" s="57"/>
      <c r="H56" s="84"/>
      <c r="I56" s="6"/>
      <c r="J56" s="6"/>
      <c r="K56" s="6"/>
      <c r="L56" s="6"/>
      <c r="M56" s="1"/>
      <c r="N56" s="17"/>
      <c r="O56" s="17"/>
      <c r="P56" s="5"/>
      <c r="Q56" s="5"/>
      <c r="R56" s="5"/>
      <c r="S56" s="5"/>
    </row>
    <row r="57" spans="1:19">
      <c r="A57" s="14"/>
      <c r="B57" s="6"/>
      <c r="C57" s="82"/>
      <c r="D57" s="82"/>
      <c r="E57" s="6"/>
      <c r="F57" s="82"/>
      <c r="G57" s="57"/>
      <c r="H57" s="84"/>
      <c r="I57" s="6"/>
      <c r="J57" s="6"/>
      <c r="K57" s="6"/>
      <c r="L57" s="6"/>
      <c r="M57" s="1"/>
      <c r="N57" s="17"/>
      <c r="O57" s="17"/>
      <c r="P57" s="5"/>
      <c r="Q57" s="5"/>
      <c r="R57" s="5"/>
      <c r="S57" s="5"/>
    </row>
    <row r="58" spans="1:19">
      <c r="A58" s="14"/>
      <c r="B58" s="6"/>
      <c r="C58" s="82"/>
      <c r="D58" s="82"/>
      <c r="E58" s="6"/>
      <c r="F58" s="82"/>
      <c r="G58" s="57"/>
      <c r="H58" s="84"/>
      <c r="I58" s="6"/>
      <c r="J58" s="6"/>
      <c r="K58" s="6"/>
      <c r="L58" s="6"/>
      <c r="M58" s="1"/>
      <c r="N58" s="17"/>
      <c r="O58" s="17"/>
      <c r="P58" s="5"/>
      <c r="Q58" s="5"/>
      <c r="R58" s="5"/>
      <c r="S58" s="5"/>
    </row>
    <row r="59" spans="1:19">
      <c r="A59" s="14"/>
      <c r="B59" s="6"/>
      <c r="C59" s="82"/>
      <c r="D59" s="82"/>
      <c r="E59" s="6"/>
      <c r="F59" s="82"/>
      <c r="G59" s="57"/>
      <c r="H59" s="84"/>
      <c r="I59" s="6"/>
      <c r="J59" s="6"/>
      <c r="K59" s="6"/>
      <c r="L59" s="6"/>
      <c r="M59" s="1"/>
      <c r="N59" s="17"/>
      <c r="O59" s="17"/>
      <c r="P59" s="5"/>
      <c r="Q59" s="5"/>
      <c r="R59" s="5"/>
      <c r="S59" s="5"/>
    </row>
    <row r="60" spans="1:19">
      <c r="A60" s="14"/>
      <c r="B60" s="6"/>
      <c r="C60" s="82"/>
      <c r="D60" s="82"/>
      <c r="E60" s="6"/>
      <c r="F60" s="82"/>
      <c r="G60" s="57"/>
      <c r="H60" s="84"/>
      <c r="I60" s="6"/>
      <c r="J60" s="6"/>
      <c r="K60" s="6"/>
      <c r="L60" s="6"/>
      <c r="M60" s="1"/>
      <c r="N60" s="17"/>
      <c r="O60" s="17"/>
      <c r="P60" s="5"/>
      <c r="Q60" s="5"/>
      <c r="R60" s="5"/>
      <c r="S60" s="5"/>
    </row>
    <row r="61" spans="1:19">
      <c r="A61" s="14"/>
      <c r="B61" s="6"/>
      <c r="C61" s="82"/>
      <c r="D61" s="82"/>
      <c r="E61" s="6"/>
      <c r="F61" s="82"/>
      <c r="G61" s="57"/>
      <c r="H61" s="84"/>
      <c r="I61" s="6"/>
      <c r="J61" s="6"/>
      <c r="K61" s="6"/>
      <c r="L61" s="6"/>
      <c r="M61" s="1"/>
      <c r="N61" s="17"/>
      <c r="O61" s="17"/>
      <c r="P61" s="5"/>
      <c r="Q61" s="5"/>
      <c r="R61" s="5"/>
      <c r="S61" s="5"/>
    </row>
    <row r="62" spans="1:19">
      <c r="A62" s="14"/>
      <c r="B62" s="6"/>
      <c r="C62" s="82"/>
      <c r="D62" s="82"/>
      <c r="E62" s="6"/>
      <c r="F62" s="82"/>
      <c r="G62" s="57"/>
      <c r="H62" s="84"/>
      <c r="I62" s="6"/>
      <c r="J62" s="6"/>
      <c r="K62" s="6"/>
      <c r="L62" s="6"/>
      <c r="M62" s="1"/>
      <c r="N62" s="17"/>
      <c r="O62" s="17"/>
      <c r="P62" s="5"/>
      <c r="Q62" s="5"/>
      <c r="R62" s="5"/>
      <c r="S62" s="5"/>
    </row>
    <row r="63" spans="1:19">
      <c r="A63" s="14"/>
      <c r="B63" s="6"/>
      <c r="C63" s="82"/>
      <c r="D63" s="82"/>
      <c r="E63" s="6"/>
      <c r="F63" s="82"/>
      <c r="G63" s="57"/>
      <c r="H63" s="84"/>
      <c r="I63" s="6"/>
      <c r="J63" s="6"/>
      <c r="K63" s="6"/>
      <c r="L63" s="6"/>
      <c r="M63" s="1"/>
      <c r="N63" s="17"/>
      <c r="O63" s="17"/>
      <c r="P63" s="5"/>
      <c r="Q63" s="5"/>
      <c r="R63" s="5"/>
      <c r="S63" s="5"/>
    </row>
    <row r="64" spans="1:19">
      <c r="A64" s="14"/>
      <c r="B64" s="6"/>
      <c r="C64" s="82"/>
      <c r="D64" s="82"/>
      <c r="E64" s="6"/>
      <c r="F64" s="82"/>
      <c r="G64" s="57"/>
      <c r="H64" s="84"/>
      <c r="I64" s="6"/>
      <c r="J64" s="6"/>
      <c r="K64" s="6"/>
      <c r="L64" s="6"/>
      <c r="M64" s="1"/>
      <c r="N64" s="17"/>
      <c r="O64" s="17"/>
      <c r="P64" s="5"/>
      <c r="Q64" s="5"/>
      <c r="R64" s="5"/>
      <c r="S64" s="5"/>
    </row>
    <row r="65" spans="1:19">
      <c r="A65" s="14"/>
      <c r="B65" s="3"/>
      <c r="C65" s="2"/>
      <c r="D65" s="29"/>
      <c r="E65" s="3"/>
      <c r="F65" s="53"/>
      <c r="G65" s="1"/>
      <c r="H65" s="2"/>
      <c r="I65" s="3"/>
      <c r="J65" s="3"/>
      <c r="K65" s="3"/>
      <c r="L65" s="3"/>
      <c r="M65" s="1"/>
      <c r="N65" s="53"/>
      <c r="O65" s="1"/>
      <c r="P65" s="1"/>
      <c r="Q65" s="1"/>
      <c r="R65" s="1"/>
      <c r="S65" s="1"/>
    </row>
    <row r="66" spans="1:19">
      <c r="A66" s="14"/>
      <c r="B66" s="3"/>
      <c r="C66" s="2"/>
      <c r="D66" s="29"/>
      <c r="E66" s="3"/>
      <c r="F66" s="1"/>
      <c r="G66" s="1"/>
      <c r="H66" s="2"/>
      <c r="I66" s="3"/>
      <c r="J66" s="3"/>
      <c r="K66" s="3"/>
      <c r="L66" s="3"/>
      <c r="M66" s="1"/>
      <c r="N66" s="53"/>
      <c r="O66" s="1"/>
      <c r="P66" s="1"/>
      <c r="Q66" s="1"/>
      <c r="R66" s="1"/>
      <c r="S66" s="1"/>
    </row>
    <row r="67" spans="1:19" ht="19.2">
      <c r="A67" s="14"/>
      <c r="B67" s="256"/>
      <c r="C67" s="375"/>
      <c r="D67" s="375"/>
      <c r="E67" s="376"/>
      <c r="F67" s="375"/>
      <c r="G67" s="375"/>
      <c r="H67" s="377"/>
      <c r="I67" s="376"/>
      <c r="J67" s="376"/>
      <c r="K67" s="376"/>
      <c r="L67" s="376"/>
      <c r="M67" s="375"/>
      <c r="N67" s="375"/>
      <c r="O67" s="375"/>
      <c r="P67" s="375"/>
      <c r="Q67" s="378"/>
      <c r="R67" s="378"/>
      <c r="S67" s="378"/>
    </row>
    <row r="68" spans="1:19">
      <c r="A68" s="14"/>
      <c r="B68" s="6"/>
      <c r="C68" s="18"/>
      <c r="D68" s="362"/>
      <c r="E68" s="6"/>
      <c r="F68" s="17"/>
      <c r="G68" s="5"/>
      <c r="H68" s="18"/>
      <c r="I68" s="6"/>
      <c r="J68" s="6"/>
      <c r="K68" s="6"/>
      <c r="L68" s="6"/>
      <c r="M68" s="5"/>
      <c r="N68" s="17"/>
      <c r="O68" s="5"/>
      <c r="P68" s="5"/>
      <c r="Q68" s="5"/>
      <c r="R68" s="5"/>
      <c r="S68" s="5"/>
    </row>
    <row r="69" spans="1:19">
      <c r="A69" s="14"/>
      <c r="B69" s="6"/>
      <c r="C69" s="18"/>
      <c r="D69" s="362"/>
      <c r="E69" s="6"/>
      <c r="F69" s="17"/>
      <c r="G69" s="5"/>
      <c r="H69" s="18"/>
      <c r="I69" s="6"/>
      <c r="J69" s="6"/>
      <c r="K69" s="6"/>
      <c r="L69" s="6"/>
      <c r="M69" s="5"/>
      <c r="N69" s="17"/>
      <c r="O69" s="5"/>
      <c r="P69" s="5"/>
      <c r="Q69" s="5"/>
      <c r="R69" s="5"/>
      <c r="S69" s="5"/>
    </row>
    <row r="70" spans="1:19" ht="19.2">
      <c r="A70" s="14"/>
      <c r="B70" s="411"/>
      <c r="C70" s="412"/>
      <c r="D70" s="412"/>
      <c r="E70" s="6"/>
      <c r="F70" s="17"/>
      <c r="G70" s="17"/>
      <c r="H70" s="18"/>
      <c r="I70" s="6"/>
      <c r="J70" s="6"/>
      <c r="K70" s="6"/>
      <c r="L70" s="6"/>
      <c r="M70" s="17"/>
      <c r="N70" s="17"/>
      <c r="O70" s="17"/>
      <c r="P70" s="17"/>
      <c r="Q70" s="5"/>
      <c r="R70" s="5"/>
      <c r="S70" s="5"/>
    </row>
    <row r="71" spans="1:19">
      <c r="A71" s="14"/>
      <c r="B71" s="379"/>
      <c r="C71" s="380"/>
      <c r="D71" s="6"/>
      <c r="E71" s="6"/>
      <c r="F71" s="6"/>
      <c r="G71" s="5"/>
      <c r="H71" s="18"/>
      <c r="I71" s="6"/>
      <c r="J71" s="413"/>
      <c r="K71" s="413"/>
      <c r="L71" s="413"/>
      <c r="M71" s="5"/>
      <c r="N71" s="17"/>
      <c r="O71" s="5"/>
      <c r="P71" s="5"/>
      <c r="Q71" s="413"/>
      <c r="R71" s="413"/>
      <c r="S71" s="413"/>
    </row>
    <row r="72" spans="1:19">
      <c r="A72" s="14"/>
      <c r="B72" s="6"/>
      <c r="C72" s="18"/>
      <c r="D72" s="362"/>
      <c r="E72" s="6"/>
      <c r="F72" s="6"/>
      <c r="G72" s="51"/>
      <c r="H72" s="18"/>
      <c r="I72" s="6"/>
      <c r="J72" s="6"/>
      <c r="K72" s="6"/>
      <c r="L72" s="6"/>
      <c r="M72" s="5"/>
      <c r="N72" s="407"/>
      <c r="O72" s="407"/>
      <c r="P72" s="408"/>
      <c r="Q72" s="408"/>
      <c r="R72" s="5"/>
      <c r="S72" s="5"/>
    </row>
    <row r="73" spans="1:19">
      <c r="A73" s="14"/>
      <c r="B73" s="6"/>
      <c r="C73" s="18"/>
      <c r="D73" s="362"/>
      <c r="E73" s="6"/>
      <c r="F73" s="6"/>
      <c r="G73" s="51"/>
      <c r="H73" s="18"/>
      <c r="I73" s="6"/>
      <c r="J73" s="6"/>
      <c r="K73" s="6"/>
      <c r="L73" s="6"/>
      <c r="M73" s="5"/>
      <c r="N73" s="407"/>
      <c r="O73" s="407"/>
      <c r="P73" s="408"/>
      <c r="Q73" s="408"/>
      <c r="R73" s="5"/>
      <c r="S73" s="5"/>
    </row>
    <row r="74" spans="1:19">
      <c r="A74" s="14"/>
      <c r="B74" s="6"/>
      <c r="C74" s="18"/>
      <c r="D74" s="362"/>
      <c r="E74" s="6"/>
      <c r="F74" s="6"/>
      <c r="G74" s="51"/>
      <c r="H74" s="18"/>
      <c r="I74" s="6"/>
      <c r="J74" s="6"/>
      <c r="K74" s="6"/>
      <c r="L74" s="6"/>
      <c r="M74" s="5"/>
      <c r="N74" s="407"/>
      <c r="O74" s="407"/>
      <c r="P74" s="408"/>
      <c r="Q74" s="408"/>
      <c r="R74" s="5"/>
      <c r="S74" s="5"/>
    </row>
    <row r="75" spans="1:19">
      <c r="A75" s="14"/>
      <c r="B75" s="6"/>
      <c r="C75" s="18"/>
      <c r="D75" s="362"/>
      <c r="E75" s="6"/>
      <c r="F75" s="6"/>
      <c r="G75" s="51"/>
      <c r="H75" s="18"/>
      <c r="I75" s="6"/>
      <c r="J75" s="6"/>
      <c r="K75" s="6"/>
      <c r="L75" s="6"/>
      <c r="M75" s="5"/>
      <c r="N75" s="407"/>
      <c r="O75" s="407"/>
      <c r="P75" s="408"/>
      <c r="Q75" s="408"/>
      <c r="R75" s="5"/>
      <c r="S75" s="5"/>
    </row>
    <row r="76" spans="1:19">
      <c r="A76" s="14"/>
      <c r="B76" s="6"/>
      <c r="C76" s="18"/>
      <c r="D76" s="362"/>
      <c r="E76" s="6"/>
      <c r="F76" s="6"/>
      <c r="G76" s="51"/>
      <c r="H76" s="18"/>
      <c r="I76" s="6"/>
      <c r="J76" s="6"/>
      <c r="K76" s="6"/>
      <c r="L76" s="6"/>
      <c r="M76" s="5"/>
      <c r="N76" s="407"/>
      <c r="O76" s="407"/>
      <c r="P76" s="408"/>
      <c r="Q76" s="408"/>
      <c r="R76" s="5"/>
      <c r="S76" s="5"/>
    </row>
    <row r="77" spans="1:19">
      <c r="A77" s="14"/>
      <c r="B77" s="6"/>
      <c r="C77" s="18"/>
      <c r="D77" s="362"/>
      <c r="E77" s="6"/>
      <c r="F77" s="6"/>
      <c r="G77" s="51"/>
      <c r="H77" s="18"/>
      <c r="I77" s="6"/>
      <c r="J77" s="6"/>
      <c r="K77" s="6"/>
      <c r="L77" s="6"/>
      <c r="M77" s="5"/>
      <c r="N77" s="407"/>
      <c r="O77" s="407"/>
      <c r="P77" s="408"/>
      <c r="Q77" s="408"/>
      <c r="R77" s="5"/>
      <c r="S77" s="5"/>
    </row>
    <row r="78" spans="1:19">
      <c r="A78" s="14"/>
      <c r="B78" s="6"/>
      <c r="C78" s="18"/>
      <c r="D78" s="362"/>
      <c r="E78" s="6"/>
      <c r="F78" s="6"/>
      <c r="G78" s="381"/>
      <c r="H78" s="18"/>
      <c r="I78" s="6"/>
      <c r="J78" s="6"/>
      <c r="K78" s="6"/>
      <c r="L78" s="6"/>
      <c r="M78" s="5"/>
      <c r="N78" s="407"/>
      <c r="O78" s="407"/>
      <c r="P78" s="408"/>
      <c r="Q78" s="408"/>
      <c r="R78" s="5"/>
      <c r="S78" s="5"/>
    </row>
    <row r="79" spans="1:19">
      <c r="A79" s="14"/>
      <c r="B79" s="6"/>
      <c r="C79" s="18"/>
      <c r="D79" s="362"/>
      <c r="E79" s="6"/>
      <c r="F79" s="6"/>
      <c r="G79" s="51"/>
      <c r="H79" s="18"/>
      <c r="I79" s="6"/>
      <c r="J79" s="6"/>
      <c r="K79" s="6"/>
      <c r="L79" s="6"/>
      <c r="M79" s="5"/>
      <c r="N79" s="407"/>
      <c r="O79" s="407"/>
      <c r="P79" s="408"/>
      <c r="Q79" s="408"/>
      <c r="R79" s="5"/>
      <c r="S79" s="5"/>
    </row>
    <row r="80" spans="1:19">
      <c r="A80" s="14"/>
      <c r="B80" s="6"/>
      <c r="C80" s="18"/>
      <c r="D80" s="362"/>
      <c r="E80" s="6"/>
      <c r="F80" s="5"/>
      <c r="G80" s="5"/>
      <c r="H80" s="18"/>
      <c r="I80" s="6"/>
      <c r="J80" s="6"/>
      <c r="K80" s="6"/>
      <c r="L80" s="6"/>
      <c r="M80" s="5"/>
      <c r="N80" s="17"/>
      <c r="O80" s="5"/>
      <c r="P80" s="5"/>
      <c r="Q80" s="5"/>
      <c r="R80" s="5"/>
      <c r="S80" s="5"/>
    </row>
    <row r="81" spans="1:19" ht="19.2">
      <c r="A81" s="14"/>
      <c r="B81" s="411"/>
      <c r="C81" s="412"/>
      <c r="D81" s="412"/>
      <c r="E81" s="6"/>
      <c r="F81" s="17"/>
      <c r="G81" s="17"/>
      <c r="H81" s="18"/>
      <c r="I81" s="6"/>
      <c r="J81" s="6"/>
      <c r="K81" s="6"/>
      <c r="L81" s="6"/>
      <c r="M81" s="17"/>
      <c r="N81" s="17"/>
      <c r="O81" s="17"/>
      <c r="P81" s="17"/>
      <c r="Q81" s="5"/>
      <c r="R81" s="5"/>
      <c r="S81" s="5"/>
    </row>
    <row r="82" spans="1:19">
      <c r="A82" s="14"/>
      <c r="B82" s="379"/>
      <c r="C82" s="380"/>
      <c r="D82" s="6"/>
      <c r="E82" s="6"/>
      <c r="F82" s="6"/>
      <c r="G82" s="5"/>
      <c r="H82" s="18"/>
      <c r="I82" s="6"/>
      <c r="J82" s="413"/>
      <c r="K82" s="413"/>
      <c r="L82" s="413"/>
      <c r="M82" s="5"/>
      <c r="N82" s="17"/>
      <c r="O82" s="5"/>
      <c r="P82" s="5"/>
      <c r="Q82" s="413"/>
      <c r="R82" s="413"/>
      <c r="S82" s="413"/>
    </row>
    <row r="83" spans="1:19">
      <c r="A83" s="14"/>
      <c r="B83" s="6"/>
      <c r="C83" s="18"/>
      <c r="D83" s="362"/>
      <c r="E83" s="6"/>
      <c r="F83" s="6"/>
      <c r="G83" s="51"/>
      <c r="H83" s="18"/>
      <c r="I83" s="6"/>
      <c r="J83" s="6"/>
      <c r="K83" s="6"/>
      <c r="L83" s="6"/>
      <c r="M83" s="5"/>
      <c r="N83" s="407"/>
      <c r="O83" s="407"/>
      <c r="P83" s="408"/>
      <c r="Q83" s="408"/>
      <c r="R83" s="5"/>
      <c r="S83" s="5"/>
    </row>
    <row r="84" spans="1:19">
      <c r="A84" s="14"/>
      <c r="B84" s="6"/>
      <c r="C84" s="18"/>
      <c r="D84" s="362"/>
      <c r="E84" s="6"/>
      <c r="F84" s="6"/>
      <c r="G84" s="51"/>
      <c r="H84" s="18"/>
      <c r="I84" s="6"/>
      <c r="J84" s="6"/>
      <c r="K84" s="6"/>
      <c r="L84" s="6"/>
      <c r="M84" s="5"/>
      <c r="N84" s="407"/>
      <c r="O84" s="407"/>
      <c r="P84" s="408"/>
      <c r="Q84" s="408"/>
      <c r="R84" s="5"/>
      <c r="S84" s="5"/>
    </row>
    <row r="85" spans="1:19">
      <c r="A85" s="14"/>
      <c r="B85" s="6"/>
      <c r="C85" s="18"/>
      <c r="D85" s="362"/>
      <c r="E85" s="6"/>
      <c r="F85" s="6"/>
      <c r="G85" s="51"/>
      <c r="H85" s="18"/>
      <c r="I85" s="6"/>
      <c r="J85" s="6"/>
      <c r="K85" s="6"/>
      <c r="L85" s="6"/>
      <c r="M85" s="5"/>
      <c r="N85" s="407"/>
      <c r="O85" s="407"/>
      <c r="P85" s="408"/>
      <c r="Q85" s="408"/>
      <c r="R85" s="5"/>
      <c r="S85" s="5"/>
    </row>
    <row r="86" spans="1:19">
      <c r="A86" s="14"/>
      <c r="B86" s="6"/>
      <c r="C86" s="18"/>
      <c r="D86" s="362"/>
      <c r="E86" s="6"/>
      <c r="F86" s="6"/>
      <c r="G86" s="51"/>
      <c r="H86" s="18"/>
      <c r="I86" s="6"/>
      <c r="J86" s="6"/>
      <c r="K86" s="6"/>
      <c r="L86" s="6"/>
      <c r="M86" s="5"/>
      <c r="N86" s="407"/>
      <c r="O86" s="407"/>
      <c r="P86" s="408"/>
      <c r="Q86" s="408"/>
      <c r="R86" s="5"/>
      <c r="S86" s="5"/>
    </row>
    <row r="87" spans="1:19">
      <c r="A87" s="14"/>
      <c r="B87" s="6"/>
      <c r="C87" s="18"/>
      <c r="D87" s="362"/>
      <c r="E87" s="6"/>
      <c r="F87" s="6"/>
      <c r="G87" s="51"/>
      <c r="H87" s="18"/>
      <c r="I87" s="6"/>
      <c r="J87" s="6"/>
      <c r="K87" s="6"/>
      <c r="L87" s="6"/>
      <c r="M87" s="5"/>
      <c r="N87" s="407"/>
      <c r="O87" s="407"/>
      <c r="P87" s="408"/>
      <c r="Q87" s="408"/>
      <c r="R87" s="5"/>
      <c r="S87" s="5"/>
    </row>
    <row r="88" spans="1:19">
      <c r="A88" s="14"/>
      <c r="B88" s="6"/>
      <c r="C88" s="18"/>
      <c r="D88" s="362"/>
      <c r="E88" s="6"/>
      <c r="F88" s="6"/>
      <c r="G88" s="51"/>
      <c r="H88" s="18"/>
      <c r="I88" s="6"/>
      <c r="J88" s="6"/>
      <c r="K88" s="6"/>
      <c r="L88" s="6"/>
      <c r="M88" s="5"/>
      <c r="N88" s="407"/>
      <c r="O88" s="407"/>
      <c r="P88" s="408"/>
      <c r="Q88" s="408"/>
      <c r="R88" s="5"/>
      <c r="S88" s="5"/>
    </row>
    <row r="89" spans="1:19">
      <c r="A89" s="14"/>
      <c r="B89" s="6"/>
      <c r="C89" s="18"/>
      <c r="D89" s="362"/>
      <c r="E89" s="6"/>
      <c r="F89" s="6"/>
      <c r="G89" s="381"/>
      <c r="H89" s="18"/>
      <c r="I89" s="6"/>
      <c r="J89" s="6"/>
      <c r="K89" s="6"/>
      <c r="L89" s="6"/>
      <c r="M89" s="5"/>
      <c r="N89" s="407"/>
      <c r="O89" s="407"/>
      <c r="P89" s="408"/>
      <c r="Q89" s="408"/>
      <c r="R89" s="5"/>
      <c r="S89" s="5"/>
    </row>
    <row r="90" spans="1:19">
      <c r="A90" s="14"/>
      <c r="B90" s="6"/>
      <c r="C90" s="18"/>
      <c r="D90" s="362"/>
      <c r="E90" s="6"/>
      <c r="F90" s="6"/>
      <c r="G90" s="51"/>
      <c r="H90" s="18"/>
      <c r="I90" s="6"/>
      <c r="J90" s="6"/>
      <c r="K90" s="6"/>
      <c r="L90" s="6"/>
      <c r="M90" s="5"/>
      <c r="N90" s="407"/>
      <c r="O90" s="407"/>
      <c r="P90" s="408"/>
      <c r="Q90" s="408"/>
      <c r="R90" s="5"/>
      <c r="S90" s="5"/>
    </row>
    <row r="91" spans="1:19">
      <c r="A91" s="14"/>
      <c r="B91" s="6"/>
      <c r="C91" s="18"/>
      <c r="D91" s="362"/>
      <c r="E91" s="6"/>
      <c r="F91" s="6"/>
      <c r="G91" s="5"/>
      <c r="H91" s="18"/>
      <c r="I91" s="6"/>
      <c r="J91" s="6"/>
      <c r="K91" s="6"/>
      <c r="L91" s="6"/>
      <c r="M91" s="5"/>
      <c r="N91" s="17"/>
      <c r="O91" s="17"/>
      <c r="P91" s="5"/>
      <c r="Q91" s="5"/>
      <c r="R91" s="5"/>
      <c r="S91" s="5"/>
    </row>
    <row r="92" spans="1:19" ht="19.2">
      <c r="A92" s="14"/>
      <c r="B92" s="411"/>
      <c r="C92" s="412"/>
      <c r="D92" s="412"/>
      <c r="E92" s="6"/>
      <c r="F92" s="17"/>
      <c r="G92" s="17"/>
      <c r="H92" s="18"/>
      <c r="I92" s="6"/>
      <c r="J92" s="6"/>
      <c r="K92" s="6"/>
      <c r="L92" s="6"/>
      <c r="M92" s="17"/>
      <c r="N92" s="17"/>
      <c r="O92" s="17"/>
      <c r="P92" s="17"/>
      <c r="Q92" s="5"/>
      <c r="R92" s="5"/>
      <c r="S92" s="5"/>
    </row>
    <row r="93" spans="1:19">
      <c r="A93" s="14"/>
      <c r="B93" s="379"/>
      <c r="C93" s="380"/>
      <c r="D93" s="6"/>
      <c r="E93" s="6"/>
      <c r="F93" s="6"/>
      <c r="G93" s="5"/>
      <c r="H93" s="18"/>
      <c r="I93" s="6"/>
      <c r="J93" s="413"/>
      <c r="K93" s="413"/>
      <c r="L93" s="413"/>
      <c r="M93" s="5"/>
      <c r="N93" s="17"/>
      <c r="O93" s="5"/>
      <c r="P93" s="5"/>
      <c r="Q93" s="413"/>
      <c r="R93" s="413"/>
      <c r="S93" s="413"/>
    </row>
    <row r="94" spans="1:19">
      <c r="A94" s="14"/>
      <c r="B94" s="6"/>
      <c r="C94" s="18"/>
      <c r="D94" s="362"/>
      <c r="E94" s="6"/>
      <c r="F94" s="6"/>
      <c r="G94" s="51"/>
      <c r="H94" s="18"/>
      <c r="I94" s="6"/>
      <c r="J94" s="6"/>
      <c r="K94" s="6"/>
      <c r="L94" s="6"/>
      <c r="M94" s="5"/>
      <c r="N94" s="407"/>
      <c r="O94" s="407"/>
      <c r="P94" s="408"/>
      <c r="Q94" s="408"/>
      <c r="R94" s="5"/>
      <c r="S94" s="5"/>
    </row>
    <row r="95" spans="1:19">
      <c r="A95" s="14"/>
      <c r="B95" s="6"/>
      <c r="C95" s="18"/>
      <c r="D95" s="362"/>
      <c r="E95" s="6"/>
      <c r="F95" s="6"/>
      <c r="G95" s="51"/>
      <c r="H95" s="18"/>
      <c r="I95" s="6"/>
      <c r="J95" s="6"/>
      <c r="K95" s="6"/>
      <c r="L95" s="6"/>
      <c r="M95" s="5"/>
      <c r="N95" s="407"/>
      <c r="O95" s="407"/>
      <c r="P95" s="408"/>
      <c r="Q95" s="408"/>
      <c r="R95" s="5"/>
      <c r="S95" s="5"/>
    </row>
    <row r="96" spans="1:19">
      <c r="A96" s="14"/>
      <c r="B96" s="6"/>
      <c r="C96" s="18"/>
      <c r="D96" s="362"/>
      <c r="E96" s="6"/>
      <c r="F96" s="6"/>
      <c r="G96" s="51"/>
      <c r="H96" s="18"/>
      <c r="I96" s="6"/>
      <c r="J96" s="6"/>
      <c r="K96" s="6"/>
      <c r="L96" s="6"/>
      <c r="M96" s="5"/>
      <c r="N96" s="407"/>
      <c r="O96" s="407"/>
      <c r="P96" s="408"/>
      <c r="Q96" s="408"/>
      <c r="R96" s="5"/>
      <c r="S96" s="5"/>
    </row>
    <row r="97" spans="1:19">
      <c r="A97" s="14"/>
      <c r="B97" s="6"/>
      <c r="C97" s="18"/>
      <c r="D97" s="362"/>
      <c r="E97" s="6"/>
      <c r="F97" s="6"/>
      <c r="G97" s="51"/>
      <c r="H97" s="18"/>
      <c r="I97" s="6"/>
      <c r="J97" s="6"/>
      <c r="K97" s="6"/>
      <c r="L97" s="6"/>
      <c r="M97" s="5"/>
      <c r="N97" s="407"/>
      <c r="O97" s="407"/>
      <c r="P97" s="408"/>
      <c r="Q97" s="408"/>
      <c r="R97" s="5"/>
      <c r="S97" s="5"/>
    </row>
    <row r="98" spans="1:19">
      <c r="A98" s="14"/>
      <c r="B98" s="6"/>
      <c r="C98" s="18"/>
      <c r="D98" s="362"/>
      <c r="E98" s="6"/>
      <c r="F98" s="6"/>
      <c r="G98" s="51"/>
      <c r="H98" s="18"/>
      <c r="I98" s="6"/>
      <c r="J98" s="6"/>
      <c r="K98" s="6"/>
      <c r="L98" s="6"/>
      <c r="M98" s="5"/>
      <c r="N98" s="407"/>
      <c r="O98" s="407"/>
      <c r="P98" s="408"/>
      <c r="Q98" s="408"/>
      <c r="R98" s="5"/>
      <c r="S98" s="5"/>
    </row>
    <row r="99" spans="1:19">
      <c r="A99" s="14"/>
      <c r="B99" s="6"/>
      <c r="C99" s="18"/>
      <c r="D99" s="362"/>
      <c r="E99" s="6"/>
      <c r="F99" s="6"/>
      <c r="G99" s="51"/>
      <c r="H99" s="18"/>
      <c r="I99" s="6"/>
      <c r="J99" s="6"/>
      <c r="K99" s="6"/>
      <c r="L99" s="6"/>
      <c r="M99" s="5"/>
      <c r="N99" s="407"/>
      <c r="O99" s="407"/>
      <c r="P99" s="408"/>
      <c r="Q99" s="408"/>
      <c r="R99" s="5"/>
      <c r="S99" s="5"/>
    </row>
    <row r="100" spans="1:19">
      <c r="A100" s="14"/>
      <c r="B100" s="6"/>
      <c r="C100" s="18"/>
      <c r="D100" s="362"/>
      <c r="E100" s="6"/>
      <c r="F100" s="6"/>
      <c r="G100" s="381"/>
      <c r="H100" s="18"/>
      <c r="I100" s="6"/>
      <c r="J100" s="6"/>
      <c r="K100" s="6"/>
      <c r="L100" s="6"/>
      <c r="M100" s="5"/>
      <c r="N100" s="407"/>
      <c r="O100" s="407"/>
      <c r="P100" s="408"/>
      <c r="Q100" s="408"/>
      <c r="R100" s="5"/>
      <c r="S100" s="5"/>
    </row>
    <row r="101" spans="1:19">
      <c r="A101" s="14"/>
      <c r="B101" s="6"/>
      <c r="C101" s="18"/>
      <c r="D101" s="362"/>
      <c r="E101" s="6"/>
      <c r="F101" s="6"/>
      <c r="G101" s="51"/>
      <c r="H101" s="18"/>
      <c r="I101" s="6"/>
      <c r="J101" s="6"/>
      <c r="K101" s="6"/>
      <c r="L101" s="6"/>
      <c r="M101" s="5"/>
      <c r="N101" s="407"/>
      <c r="O101" s="407"/>
      <c r="P101" s="408"/>
      <c r="Q101" s="408"/>
      <c r="R101" s="5"/>
      <c r="S101" s="5"/>
    </row>
    <row r="102" spans="1:19">
      <c r="A102" s="14"/>
      <c r="B102" s="6"/>
      <c r="C102" s="18"/>
      <c r="D102" s="362"/>
      <c r="E102" s="6"/>
      <c r="F102" s="5"/>
      <c r="G102" s="5"/>
      <c r="H102" s="18"/>
      <c r="I102" s="6"/>
      <c r="J102" s="6"/>
      <c r="K102" s="6"/>
      <c r="L102" s="6"/>
      <c r="M102" s="5"/>
      <c r="N102" s="17"/>
      <c r="O102" s="5"/>
      <c r="P102" s="5"/>
      <c r="Q102" s="5"/>
      <c r="R102" s="5"/>
      <c r="S102" s="5"/>
    </row>
    <row r="103" spans="1:19">
      <c r="B103" s="6"/>
      <c r="C103" s="18"/>
      <c r="D103" s="362"/>
      <c r="E103" s="6"/>
      <c r="F103" s="5"/>
      <c r="G103" s="5"/>
      <c r="H103" s="18"/>
      <c r="I103" s="6"/>
      <c r="J103" s="6"/>
      <c r="K103" s="6"/>
      <c r="L103" s="6"/>
      <c r="M103" s="5"/>
      <c r="N103" s="17"/>
      <c r="O103" s="5"/>
      <c r="P103" s="5"/>
      <c r="Q103" s="5"/>
      <c r="R103" s="5"/>
      <c r="S103" s="5"/>
    </row>
    <row r="104" spans="1:19">
      <c r="B104" s="6"/>
      <c r="C104" s="18"/>
      <c r="D104" s="362"/>
      <c r="E104" s="6"/>
      <c r="F104" s="5"/>
      <c r="G104" s="5"/>
      <c r="H104" s="18"/>
      <c r="I104" s="6"/>
      <c r="J104" s="6"/>
      <c r="K104" s="6"/>
      <c r="L104" s="6"/>
      <c r="M104" s="5"/>
      <c r="N104" s="17"/>
      <c r="O104" s="5"/>
      <c r="P104" s="5"/>
      <c r="Q104" s="5"/>
      <c r="R104" s="5"/>
      <c r="S104" s="5"/>
    </row>
    <row r="105" spans="1:19" ht="19.2">
      <c r="B105" s="411"/>
      <c r="C105" s="412"/>
      <c r="D105" s="412"/>
      <c r="E105" s="6"/>
      <c r="F105" s="17"/>
      <c r="G105" s="17"/>
      <c r="H105" s="18"/>
      <c r="I105" s="6"/>
      <c r="J105" s="6"/>
      <c r="K105" s="6"/>
      <c r="L105" s="6"/>
      <c r="M105" s="17"/>
      <c r="N105" s="17"/>
      <c r="O105" s="17"/>
      <c r="P105" s="17"/>
      <c r="Q105" s="5"/>
      <c r="R105" s="5"/>
      <c r="S105" s="5"/>
    </row>
    <row r="106" spans="1:19">
      <c r="B106" s="382"/>
      <c r="C106" s="144"/>
      <c r="D106" s="364"/>
      <c r="E106" s="382"/>
      <c r="F106" s="137"/>
      <c r="G106" s="137"/>
      <c r="H106" s="144"/>
      <c r="I106" s="382"/>
      <c r="J106" s="18"/>
      <c r="K106" s="18"/>
      <c r="L106" s="18"/>
      <c r="M106" s="137"/>
      <c r="N106" s="141"/>
      <c r="O106" s="137"/>
      <c r="P106" s="137"/>
      <c r="Q106" s="137"/>
      <c r="R106" s="137"/>
      <c r="S106" s="137"/>
    </row>
    <row r="107" spans="1:19">
      <c r="B107" s="382"/>
      <c r="C107" s="144"/>
      <c r="D107" s="364"/>
      <c r="E107" s="382"/>
      <c r="F107" s="137"/>
      <c r="G107" s="137"/>
      <c r="H107" s="144"/>
      <c r="I107" s="382"/>
      <c r="J107" s="18"/>
      <c r="K107" s="18"/>
      <c r="L107" s="18"/>
      <c r="M107" s="137"/>
      <c r="N107" s="141"/>
      <c r="O107" s="137"/>
      <c r="P107" s="137"/>
      <c r="Q107" s="137"/>
      <c r="R107" s="137"/>
      <c r="S107" s="137"/>
    </row>
    <row r="108" spans="1:19">
      <c r="B108" s="379"/>
      <c r="C108" s="380"/>
      <c r="D108" s="6"/>
      <c r="E108" s="6"/>
      <c r="F108" s="6"/>
      <c r="G108" s="5"/>
      <c r="H108" s="18"/>
      <c r="I108" s="6"/>
      <c r="J108" s="413"/>
      <c r="K108" s="413"/>
      <c r="L108" s="413"/>
      <c r="M108" s="5"/>
      <c r="N108" s="17"/>
      <c r="O108" s="5"/>
      <c r="P108" s="5"/>
      <c r="Q108" s="413"/>
      <c r="R108" s="413"/>
      <c r="S108" s="413"/>
    </row>
    <row r="109" spans="1:19">
      <c r="B109" s="6"/>
      <c r="C109" s="18"/>
      <c r="D109" s="362"/>
      <c r="E109" s="6"/>
      <c r="F109" s="6"/>
      <c r="G109" s="51"/>
      <c r="H109" s="18"/>
      <c r="I109" s="6"/>
      <c r="J109" s="6"/>
      <c r="K109" s="6"/>
      <c r="L109" s="6"/>
      <c r="M109" s="5"/>
      <c r="N109" s="407"/>
      <c r="O109" s="407"/>
      <c r="P109" s="408"/>
      <c r="Q109" s="408"/>
      <c r="R109" s="5"/>
      <c r="S109" s="5"/>
    </row>
    <row r="110" spans="1:19">
      <c r="B110" s="6"/>
      <c r="C110" s="18"/>
      <c r="D110" s="362"/>
      <c r="E110" s="6"/>
      <c r="F110" s="6"/>
      <c r="G110" s="51"/>
      <c r="H110" s="18"/>
      <c r="I110" s="6"/>
      <c r="J110" s="6"/>
      <c r="K110" s="6"/>
      <c r="L110" s="6"/>
      <c r="M110" s="5"/>
      <c r="N110" s="407"/>
      <c r="O110" s="407"/>
      <c r="P110" s="408"/>
      <c r="Q110" s="408"/>
      <c r="R110" s="5"/>
      <c r="S110" s="5"/>
    </row>
    <row r="111" spans="1:19">
      <c r="B111" s="6"/>
      <c r="C111" s="18"/>
      <c r="D111" s="362"/>
      <c r="E111" s="6"/>
      <c r="F111" s="6"/>
      <c r="G111" s="51"/>
      <c r="H111" s="18"/>
      <c r="I111" s="6"/>
      <c r="J111" s="6"/>
      <c r="K111" s="6"/>
      <c r="L111" s="6"/>
      <c r="M111" s="5"/>
      <c r="N111" s="407"/>
      <c r="O111" s="407"/>
      <c r="P111" s="408"/>
      <c r="Q111" s="408"/>
      <c r="R111" s="5"/>
      <c r="S111" s="5"/>
    </row>
    <row r="112" spans="1:19">
      <c r="B112" s="6"/>
      <c r="C112" s="18"/>
      <c r="D112" s="362"/>
      <c r="E112" s="6"/>
      <c r="F112" s="6"/>
      <c r="G112" s="51"/>
      <c r="H112" s="18"/>
      <c r="I112" s="6"/>
      <c r="J112" s="6"/>
      <c r="K112" s="6"/>
      <c r="L112" s="6"/>
      <c r="M112" s="5"/>
      <c r="N112" s="407"/>
      <c r="O112" s="407"/>
      <c r="P112" s="408"/>
      <c r="Q112" s="408"/>
      <c r="R112" s="5"/>
      <c r="S112" s="5"/>
    </row>
    <row r="113" spans="2:19">
      <c r="B113" s="6"/>
      <c r="C113" s="18"/>
      <c r="D113" s="362"/>
      <c r="E113" s="6"/>
      <c r="F113" s="6"/>
      <c r="G113" s="51"/>
      <c r="H113" s="18"/>
      <c r="I113" s="6"/>
      <c r="J113" s="6"/>
      <c r="K113" s="6"/>
      <c r="L113" s="6"/>
      <c r="M113" s="5"/>
      <c r="N113" s="407"/>
      <c r="O113" s="407"/>
      <c r="P113" s="408"/>
      <c r="Q113" s="408"/>
      <c r="R113" s="5"/>
      <c r="S113" s="5"/>
    </row>
    <row r="114" spans="2:19">
      <c r="B114" s="6"/>
      <c r="C114" s="18"/>
      <c r="D114" s="362"/>
      <c r="E114" s="6"/>
      <c r="F114" s="6"/>
      <c r="G114" s="51"/>
      <c r="H114" s="18"/>
      <c r="I114" s="6"/>
      <c r="J114" s="6"/>
      <c r="K114" s="6"/>
      <c r="L114" s="6"/>
      <c r="M114" s="5"/>
      <c r="N114" s="407"/>
      <c r="O114" s="407"/>
      <c r="P114" s="408"/>
      <c r="Q114" s="408"/>
      <c r="R114" s="5"/>
      <c r="S114" s="5"/>
    </row>
    <row r="115" spans="2:19">
      <c r="B115" s="6"/>
      <c r="C115" s="18"/>
      <c r="D115" s="362"/>
      <c r="E115" s="6"/>
      <c r="F115" s="6"/>
      <c r="G115" s="381"/>
      <c r="H115" s="18"/>
      <c r="I115" s="6"/>
      <c r="J115" s="6"/>
      <c r="K115" s="6"/>
      <c r="L115" s="6"/>
      <c r="M115" s="5"/>
      <c r="N115" s="407"/>
      <c r="O115" s="407"/>
      <c r="P115" s="408"/>
      <c r="Q115" s="408"/>
      <c r="R115" s="5"/>
      <c r="S115" s="5"/>
    </row>
    <row r="116" spans="2:19">
      <c r="B116" s="383"/>
      <c r="C116" s="384"/>
      <c r="D116" s="385"/>
      <c r="E116" s="383"/>
      <c r="F116" s="383"/>
      <c r="G116" s="51"/>
      <c r="H116" s="384"/>
      <c r="I116" s="383"/>
      <c r="J116" s="6"/>
      <c r="K116" s="6"/>
      <c r="L116" s="6"/>
      <c r="M116" s="386"/>
      <c r="N116" s="409"/>
      <c r="O116" s="409"/>
      <c r="P116" s="410"/>
      <c r="Q116" s="410"/>
      <c r="R116" s="5"/>
      <c r="S116" s="386"/>
    </row>
    <row r="120" spans="2:19">
      <c r="B120" s="4"/>
      <c r="C120" s="4"/>
      <c r="D120" s="4"/>
      <c r="E120" s="4"/>
      <c r="H120" s="4"/>
      <c r="I120" s="4"/>
      <c r="J120" s="4"/>
      <c r="K120" s="4"/>
      <c r="L120" s="4"/>
      <c r="N120" s="4"/>
    </row>
    <row r="121" spans="2:19">
      <c r="B121" s="4"/>
      <c r="C121" s="4"/>
      <c r="D121" s="4"/>
      <c r="E121" s="4"/>
      <c r="H121" s="4"/>
      <c r="I121" s="4"/>
      <c r="J121" s="4"/>
      <c r="K121" s="4"/>
      <c r="L121" s="4"/>
      <c r="N121" s="4"/>
    </row>
    <row r="122" spans="2:19">
      <c r="B122" s="4"/>
      <c r="C122" s="4"/>
      <c r="D122" s="4"/>
      <c r="E122" s="4"/>
      <c r="H122" s="4"/>
      <c r="I122" s="4"/>
      <c r="J122" s="4"/>
      <c r="K122" s="4"/>
      <c r="L122" s="4"/>
      <c r="N122" s="4"/>
    </row>
    <row r="123" spans="2:19">
      <c r="B123" s="4"/>
      <c r="C123" s="4"/>
      <c r="D123" s="4"/>
      <c r="E123" s="4"/>
      <c r="H123" s="4"/>
      <c r="I123" s="4"/>
      <c r="J123" s="4"/>
      <c r="K123" s="4"/>
      <c r="L123" s="4"/>
      <c r="N123" s="4"/>
    </row>
    <row r="124" spans="2:19">
      <c r="B124" s="4"/>
      <c r="C124" s="4"/>
      <c r="D124" s="4"/>
      <c r="E124" s="4"/>
      <c r="H124" s="4"/>
      <c r="I124" s="4"/>
      <c r="J124" s="4"/>
      <c r="K124" s="4"/>
      <c r="L124" s="4"/>
      <c r="N124" s="4"/>
    </row>
    <row r="125" spans="2:19">
      <c r="B125" s="4"/>
      <c r="C125" s="4"/>
      <c r="D125" s="4"/>
      <c r="E125" s="4"/>
      <c r="H125" s="4"/>
      <c r="I125" s="4"/>
      <c r="J125" s="4"/>
      <c r="K125" s="4"/>
      <c r="L125" s="4"/>
      <c r="N125" s="4"/>
    </row>
    <row r="126" spans="2:19">
      <c r="B126" s="4"/>
      <c r="C126" s="4"/>
      <c r="D126" s="4"/>
      <c r="E126" s="4"/>
      <c r="H126" s="4"/>
      <c r="I126" s="4"/>
      <c r="J126" s="4"/>
      <c r="K126" s="4"/>
      <c r="L126" s="4"/>
      <c r="N126" s="4"/>
    </row>
    <row r="127" spans="2:19">
      <c r="B127" s="4"/>
      <c r="C127" s="4"/>
      <c r="D127" s="4"/>
      <c r="E127" s="4"/>
      <c r="H127" s="4"/>
      <c r="I127" s="4"/>
      <c r="J127" s="4"/>
      <c r="K127" s="4"/>
      <c r="L127" s="4"/>
      <c r="N127" s="4"/>
    </row>
    <row r="128" spans="2:19">
      <c r="B128" s="4"/>
      <c r="C128" s="4"/>
      <c r="D128" s="4"/>
      <c r="E128" s="4"/>
      <c r="H128" s="4"/>
      <c r="I128" s="4"/>
      <c r="J128" s="4"/>
      <c r="K128" s="4"/>
      <c r="L128" s="4"/>
      <c r="N128" s="4"/>
    </row>
    <row r="129" spans="2:21">
      <c r="B129" s="4"/>
      <c r="C129" s="4"/>
      <c r="D129" s="4"/>
      <c r="E129" s="4"/>
      <c r="H129" s="4"/>
      <c r="I129" s="4"/>
      <c r="J129" s="4"/>
      <c r="K129" s="4"/>
      <c r="L129" s="4"/>
      <c r="N129" s="4"/>
    </row>
    <row r="130" spans="2:21">
      <c r="B130" s="4"/>
      <c r="C130" s="4"/>
      <c r="D130" s="4"/>
      <c r="E130" s="4"/>
      <c r="H130" s="4"/>
      <c r="I130" s="4"/>
      <c r="J130" s="4"/>
      <c r="K130" s="4"/>
      <c r="L130" s="4"/>
      <c r="N130" s="4"/>
    </row>
    <row r="131" spans="2:21">
      <c r="B131" s="4"/>
      <c r="C131" s="4"/>
      <c r="D131" s="4"/>
      <c r="E131" s="4"/>
      <c r="H131" s="4"/>
      <c r="I131" s="4"/>
      <c r="J131" s="4"/>
      <c r="K131" s="4"/>
      <c r="L131" s="4"/>
      <c r="N131" s="4"/>
    </row>
    <row r="132" spans="2:21">
      <c r="B132" s="4"/>
      <c r="C132" s="4"/>
      <c r="D132" s="4"/>
      <c r="E132" s="4"/>
      <c r="H132" s="4"/>
      <c r="I132" s="4"/>
      <c r="J132" s="4"/>
      <c r="K132" s="4"/>
      <c r="L132" s="4"/>
      <c r="N132" s="4"/>
    </row>
    <row r="133" spans="2:21">
      <c r="B133" s="4"/>
      <c r="C133" s="4"/>
      <c r="D133" s="4"/>
      <c r="E133" s="4"/>
      <c r="H133" s="4"/>
      <c r="I133" s="4"/>
      <c r="J133" s="4"/>
      <c r="K133" s="4"/>
      <c r="L133" s="4"/>
      <c r="N133" s="4"/>
    </row>
    <row r="134" spans="2:21">
      <c r="B134" s="4"/>
      <c r="C134" s="4"/>
      <c r="D134" s="4"/>
      <c r="E134" s="4"/>
      <c r="H134" s="4"/>
      <c r="I134" s="4"/>
      <c r="J134" s="4"/>
      <c r="K134" s="4"/>
      <c r="L134" s="4"/>
      <c r="N134" s="4"/>
    </row>
    <row r="135" spans="2:21">
      <c r="B135" s="4"/>
      <c r="C135" s="4"/>
      <c r="D135" s="4"/>
      <c r="E135" s="4"/>
      <c r="H135" s="4"/>
      <c r="I135" s="4"/>
      <c r="J135" s="4"/>
      <c r="K135" s="4"/>
      <c r="L135" s="4"/>
      <c r="N135" s="4"/>
    </row>
    <row r="136" spans="2:21">
      <c r="B136" s="4"/>
      <c r="C136" s="4"/>
      <c r="D136" s="4"/>
      <c r="E136" s="4"/>
      <c r="H136" s="4"/>
      <c r="I136" s="4"/>
      <c r="J136" s="4"/>
      <c r="K136" s="4"/>
      <c r="L136" s="4"/>
      <c r="N136" s="4"/>
    </row>
    <row r="137" spans="2:21">
      <c r="B137" s="4"/>
      <c r="C137" s="4"/>
      <c r="D137" s="4"/>
      <c r="E137" s="4"/>
      <c r="H137" s="4"/>
      <c r="I137" s="4"/>
      <c r="J137" s="4"/>
      <c r="K137" s="4"/>
      <c r="L137" s="4"/>
      <c r="N137" s="4"/>
      <c r="T137" s="14"/>
      <c r="U137" s="14"/>
    </row>
    <row r="138" spans="2:21">
      <c r="B138" s="4"/>
      <c r="C138" s="4"/>
      <c r="D138" s="4"/>
      <c r="E138" s="4"/>
      <c r="H138" s="4"/>
      <c r="I138" s="4"/>
      <c r="J138" s="4"/>
      <c r="K138" s="4"/>
      <c r="L138" s="4"/>
      <c r="N138" s="4"/>
      <c r="T138" s="14"/>
      <c r="U138" s="14"/>
    </row>
  </sheetData>
  <mergeCells count="122">
    <mergeCell ref="B1:E5"/>
    <mergeCell ref="J4:L4"/>
    <mergeCell ref="F6:H6"/>
    <mergeCell ref="J6:L6"/>
    <mergeCell ref="B7:D7"/>
    <mergeCell ref="J10:L10"/>
    <mergeCell ref="J5:L5"/>
    <mergeCell ref="J16:L16"/>
    <mergeCell ref="J17:L17"/>
    <mergeCell ref="F5:H5"/>
    <mergeCell ref="J20:L20"/>
    <mergeCell ref="Q20:S20"/>
    <mergeCell ref="J21:L21"/>
    <mergeCell ref="J22:L22"/>
    <mergeCell ref="Q10:S10"/>
    <mergeCell ref="J11:L11"/>
    <mergeCell ref="J12:L12"/>
    <mergeCell ref="J13:L13"/>
    <mergeCell ref="J14:L14"/>
    <mergeCell ref="J15:L15"/>
    <mergeCell ref="Q42:S42"/>
    <mergeCell ref="J31:L31"/>
    <mergeCell ref="Q31:S31"/>
    <mergeCell ref="J32:L32"/>
    <mergeCell ref="J33:L33"/>
    <mergeCell ref="J34:L34"/>
    <mergeCell ref="J35:L35"/>
    <mergeCell ref="J23:L23"/>
    <mergeCell ref="J24:L24"/>
    <mergeCell ref="J25:L25"/>
    <mergeCell ref="J26:L26"/>
    <mergeCell ref="J27:L27"/>
    <mergeCell ref="J28:L28"/>
    <mergeCell ref="J49:L49"/>
    <mergeCell ref="J50:L50"/>
    <mergeCell ref="J47:L47"/>
    <mergeCell ref="J48:L48"/>
    <mergeCell ref="J45:L45"/>
    <mergeCell ref="J46:L46"/>
    <mergeCell ref="J43:L43"/>
    <mergeCell ref="J44:L44"/>
    <mergeCell ref="J36:L36"/>
    <mergeCell ref="J37:L37"/>
    <mergeCell ref="J38:L38"/>
    <mergeCell ref="J39:L39"/>
    <mergeCell ref="J42:L42"/>
    <mergeCell ref="N74:O74"/>
    <mergeCell ref="P74:Q74"/>
    <mergeCell ref="N75:O75"/>
    <mergeCell ref="P75:Q75"/>
    <mergeCell ref="N76:O76"/>
    <mergeCell ref="P76:Q76"/>
    <mergeCell ref="B70:D70"/>
    <mergeCell ref="J71:L71"/>
    <mergeCell ref="Q71:S71"/>
    <mergeCell ref="N72:O72"/>
    <mergeCell ref="P72:Q72"/>
    <mergeCell ref="N73:O73"/>
    <mergeCell ref="P73:Q73"/>
    <mergeCell ref="B81:D81"/>
    <mergeCell ref="J82:L82"/>
    <mergeCell ref="Q82:S82"/>
    <mergeCell ref="N83:O83"/>
    <mergeCell ref="P83:Q83"/>
    <mergeCell ref="N84:O84"/>
    <mergeCell ref="P84:Q84"/>
    <mergeCell ref="N77:O77"/>
    <mergeCell ref="P77:Q77"/>
    <mergeCell ref="N78:O78"/>
    <mergeCell ref="P78:Q78"/>
    <mergeCell ref="N79:O79"/>
    <mergeCell ref="P79:Q79"/>
    <mergeCell ref="N88:O88"/>
    <mergeCell ref="P88:Q88"/>
    <mergeCell ref="N89:O89"/>
    <mergeCell ref="P89:Q89"/>
    <mergeCell ref="N90:O90"/>
    <mergeCell ref="P90:Q90"/>
    <mergeCell ref="N85:O85"/>
    <mergeCell ref="P85:Q85"/>
    <mergeCell ref="N86:O86"/>
    <mergeCell ref="P86:Q86"/>
    <mergeCell ref="N87:O87"/>
    <mergeCell ref="P87:Q87"/>
    <mergeCell ref="N96:O96"/>
    <mergeCell ref="P96:Q96"/>
    <mergeCell ref="N97:O97"/>
    <mergeCell ref="P97:Q97"/>
    <mergeCell ref="N98:O98"/>
    <mergeCell ref="P98:Q98"/>
    <mergeCell ref="B92:D92"/>
    <mergeCell ref="J93:L93"/>
    <mergeCell ref="Q93:S93"/>
    <mergeCell ref="N94:O94"/>
    <mergeCell ref="P94:Q94"/>
    <mergeCell ref="N95:O95"/>
    <mergeCell ref="P95:Q95"/>
    <mergeCell ref="B105:D105"/>
    <mergeCell ref="J108:L108"/>
    <mergeCell ref="Q108:S108"/>
    <mergeCell ref="N109:O109"/>
    <mergeCell ref="P109:Q109"/>
    <mergeCell ref="N110:O110"/>
    <mergeCell ref="P110:Q110"/>
    <mergeCell ref="N99:O99"/>
    <mergeCell ref="P99:Q99"/>
    <mergeCell ref="N100:O100"/>
    <mergeCell ref="P100:Q100"/>
    <mergeCell ref="N101:O101"/>
    <mergeCell ref="P101:Q101"/>
    <mergeCell ref="N114:O114"/>
    <mergeCell ref="P114:Q114"/>
    <mergeCell ref="N115:O115"/>
    <mergeCell ref="P115:Q115"/>
    <mergeCell ref="N116:O116"/>
    <mergeCell ref="P116:Q116"/>
    <mergeCell ref="N111:O111"/>
    <mergeCell ref="P111:Q111"/>
    <mergeCell ref="N112:O112"/>
    <mergeCell ref="P112:Q112"/>
    <mergeCell ref="N113:O113"/>
    <mergeCell ref="P113:Q113"/>
  </mergeCells>
  <phoneticPr fontId="33"/>
  <dataValidations count="2">
    <dataValidation operator="equal" allowBlank="1" showErrorMessage="1" sqref="IT15:IT16"/>
    <dataValidation imeMode="hiragana" allowBlank="1" showInputMessage="1" showErrorMessage="1" sqref="IT48:IT54 IT6 D6 D27:D29 D23 D11:D13 D15:D17"/>
  </dataValidations>
  <pageMargins left="0.78680555555555554" right="0.78680555555555554" top="0.98333333333333328" bottom="0.98333333333333328" header="0.51111111111111107" footer="0.51111111111111107"/>
  <pageSetup paperSize="9" firstPageNumber="4294963191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CI116"/>
  <sheetViews>
    <sheetView topLeftCell="B4" zoomScaleNormal="100" workbookViewId="0">
      <selection activeCell="K12" sqref="K12"/>
    </sheetView>
  </sheetViews>
  <sheetFormatPr defaultColWidth="9" defaultRowHeight="13.2"/>
  <cols>
    <col min="1" max="1" width="7.109375" style="99" customWidth="1"/>
    <col min="2" max="2" width="5.6640625" style="96" customWidth="1"/>
    <col min="3" max="3" width="14.6640625" style="96" customWidth="1"/>
    <col min="4" max="4" width="2.6640625" style="98" customWidth="1"/>
    <col min="5" max="5" width="8.44140625" style="99" customWidth="1"/>
    <col min="6" max="6" width="5.6640625" style="96" customWidth="1"/>
    <col min="7" max="7" width="14.6640625" style="96" customWidth="1"/>
    <col min="8" max="8" width="2.6640625" style="98" customWidth="1"/>
    <col min="9" max="9" width="7.6640625" style="99" customWidth="1"/>
    <col min="10" max="10" width="5.6640625" style="96" customWidth="1"/>
    <col min="11" max="11" width="14.6640625" style="96" customWidth="1"/>
    <col min="12" max="12" width="2.6640625" style="98" customWidth="1"/>
    <col min="13" max="13" width="9" style="99" bestFit="1"/>
    <col min="14" max="16384" width="9" style="99"/>
  </cols>
  <sheetData>
    <row r="1" spans="2:87" ht="12.75" customHeight="1">
      <c r="B1" s="453" t="s">
        <v>35</v>
      </c>
      <c r="C1" s="453"/>
      <c r="D1" s="453"/>
      <c r="E1" s="453"/>
      <c r="M1" s="92"/>
      <c r="N1" s="92"/>
      <c r="O1" s="92"/>
      <c r="P1" s="92"/>
      <c r="Q1" s="92"/>
      <c r="R1" s="92"/>
      <c r="S1" s="92"/>
      <c r="T1" s="92"/>
      <c r="U1" s="92"/>
      <c r="V1" s="92"/>
      <c r="W1" s="92"/>
      <c r="X1" s="92"/>
      <c r="Y1" s="92"/>
      <c r="Z1" s="92"/>
      <c r="AA1" s="92"/>
      <c r="AB1" s="92"/>
      <c r="AC1" s="92"/>
      <c r="AD1" s="92"/>
      <c r="AE1" s="92"/>
      <c r="AF1" s="92"/>
      <c r="AG1" s="92"/>
      <c r="AH1" s="92"/>
      <c r="AI1" s="92"/>
      <c r="AJ1" s="92"/>
      <c r="AK1" s="92"/>
      <c r="AL1" s="92"/>
      <c r="AM1" s="92"/>
      <c r="AN1" s="92"/>
      <c r="AO1" s="92"/>
      <c r="AP1" s="92"/>
      <c r="AQ1" s="92"/>
      <c r="AR1" s="92"/>
      <c r="AS1" s="92"/>
      <c r="AT1" s="92"/>
      <c r="AU1" s="92"/>
      <c r="AV1" s="92"/>
      <c r="AW1" s="92"/>
      <c r="AX1" s="92"/>
      <c r="AY1" s="92"/>
      <c r="AZ1" s="92"/>
      <c r="BA1" s="92"/>
      <c r="BB1" s="92"/>
      <c r="BC1" s="92"/>
      <c r="BD1" s="92"/>
      <c r="BE1" s="92"/>
      <c r="BF1" s="92"/>
      <c r="BG1" s="92"/>
      <c r="BH1" s="92"/>
      <c r="BI1" s="92"/>
      <c r="BJ1" s="92"/>
      <c r="BK1" s="92"/>
      <c r="BL1" s="92"/>
      <c r="BM1" s="92"/>
      <c r="BN1" s="92"/>
      <c r="BO1" s="92"/>
      <c r="BP1" s="92"/>
      <c r="BQ1" s="92"/>
      <c r="BR1" s="92"/>
      <c r="BS1" s="92"/>
      <c r="BT1" s="92"/>
      <c r="BU1" s="92"/>
      <c r="BV1" s="92"/>
      <c r="BW1" s="92"/>
      <c r="BX1" s="92"/>
      <c r="BY1" s="92"/>
      <c r="BZ1" s="92"/>
      <c r="CA1" s="92"/>
      <c r="CB1" s="92"/>
      <c r="CC1" s="92"/>
      <c r="CD1" s="92"/>
      <c r="CE1" s="92"/>
      <c r="CF1" s="92"/>
      <c r="CG1" s="92"/>
      <c r="CH1" s="92"/>
      <c r="CI1" s="92"/>
    </row>
    <row r="2" spans="2:87" ht="12.75" customHeight="1">
      <c r="B2" s="453"/>
      <c r="C2" s="453"/>
      <c r="D2" s="453"/>
      <c r="E2" s="453"/>
      <c r="N2" s="92"/>
      <c r="O2" s="92"/>
      <c r="P2" s="92"/>
      <c r="Q2" s="92"/>
      <c r="R2" s="92"/>
      <c r="S2" s="92"/>
      <c r="T2" s="92"/>
      <c r="U2" s="92"/>
      <c r="V2" s="92"/>
      <c r="W2" s="92"/>
      <c r="X2" s="92"/>
      <c r="Y2" s="92"/>
      <c r="Z2" s="92"/>
      <c r="AA2" s="92"/>
      <c r="AB2" s="92"/>
      <c r="AC2" s="92"/>
      <c r="AD2" s="92"/>
      <c r="AE2" s="92"/>
      <c r="AF2" s="92"/>
      <c r="AG2" s="92"/>
      <c r="AH2" s="92"/>
      <c r="AI2" s="92"/>
      <c r="AJ2" s="92"/>
      <c r="AK2" s="92"/>
      <c r="AL2" s="92"/>
      <c r="AM2" s="92"/>
      <c r="AN2" s="92"/>
      <c r="AO2" s="92"/>
      <c r="AP2" s="92"/>
      <c r="AQ2" s="92"/>
      <c r="AR2" s="92"/>
      <c r="AS2" s="92"/>
      <c r="AT2" s="92"/>
      <c r="AU2" s="92"/>
      <c r="AV2" s="92"/>
      <c r="AW2" s="92"/>
      <c r="AX2" s="92"/>
      <c r="AY2" s="92"/>
      <c r="AZ2" s="92"/>
      <c r="BA2" s="92"/>
      <c r="BB2" s="92"/>
      <c r="BC2" s="92"/>
      <c r="BD2" s="92"/>
      <c r="BE2" s="92"/>
      <c r="BF2" s="92"/>
      <c r="BG2" s="92"/>
      <c r="BH2" s="92"/>
      <c r="BI2" s="92"/>
      <c r="BJ2" s="92"/>
      <c r="BK2" s="92"/>
      <c r="BL2" s="92"/>
      <c r="BM2" s="92"/>
      <c r="BN2" s="92"/>
      <c r="BO2" s="92"/>
      <c r="BP2" s="92"/>
      <c r="BQ2" s="92"/>
      <c r="BR2" s="92"/>
      <c r="BS2" s="92"/>
      <c r="BT2" s="92"/>
      <c r="BU2" s="92"/>
      <c r="BV2" s="92"/>
      <c r="BW2" s="92"/>
      <c r="BX2" s="92"/>
      <c r="BY2" s="92"/>
      <c r="BZ2" s="92"/>
      <c r="CA2" s="92"/>
      <c r="CB2" s="92"/>
      <c r="CC2" s="92"/>
      <c r="CD2" s="92"/>
      <c r="CE2" s="92"/>
      <c r="CF2" s="92"/>
      <c r="CG2" s="92"/>
      <c r="CH2" s="92"/>
      <c r="CI2" s="92"/>
    </row>
    <row r="3" spans="2:87" ht="12.75" customHeight="1">
      <c r="B3" s="453"/>
      <c r="C3" s="453"/>
      <c r="D3" s="453"/>
      <c r="E3" s="453"/>
      <c r="F3" s="158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/>
      <c r="AI3" s="92"/>
      <c r="AJ3" s="92"/>
      <c r="AK3" s="92"/>
      <c r="AL3" s="92"/>
      <c r="AM3" s="92"/>
      <c r="AN3" s="92"/>
      <c r="AO3" s="92"/>
      <c r="AP3" s="92"/>
      <c r="AQ3" s="92"/>
      <c r="AR3" s="92"/>
      <c r="AS3" s="92"/>
      <c r="AT3" s="92"/>
      <c r="AU3" s="92"/>
      <c r="AV3" s="92"/>
      <c r="AW3" s="92"/>
      <c r="AX3" s="92"/>
      <c r="AY3" s="92"/>
      <c r="AZ3" s="92"/>
      <c r="BA3" s="92"/>
      <c r="BB3" s="92"/>
      <c r="BC3" s="92"/>
      <c r="BD3" s="92"/>
      <c r="BE3" s="92"/>
      <c r="BF3" s="92"/>
      <c r="BG3" s="92"/>
      <c r="BH3" s="92"/>
      <c r="BI3" s="92"/>
      <c r="BJ3" s="92"/>
      <c r="BK3" s="92"/>
      <c r="BL3" s="92"/>
      <c r="BM3" s="92"/>
      <c r="BN3" s="92"/>
      <c r="BO3" s="92"/>
      <c r="BP3" s="92"/>
      <c r="BQ3" s="92"/>
      <c r="BR3" s="92"/>
      <c r="BS3" s="92"/>
      <c r="BT3" s="92"/>
      <c r="BU3" s="92"/>
      <c r="BV3" s="92"/>
      <c r="BW3" s="92"/>
      <c r="BX3" s="92"/>
      <c r="BY3" s="92"/>
      <c r="BZ3" s="92"/>
      <c r="CA3" s="92"/>
      <c r="CB3" s="92"/>
      <c r="CC3" s="92"/>
      <c r="CD3" s="92"/>
      <c r="CE3" s="92"/>
      <c r="CF3" s="92"/>
      <c r="CG3" s="92"/>
      <c r="CH3" s="92"/>
      <c r="CI3" s="92"/>
    </row>
    <row r="4" spans="2:87" ht="12.75" customHeight="1">
      <c r="B4" s="453"/>
      <c r="C4" s="453"/>
      <c r="D4" s="453"/>
      <c r="E4" s="453"/>
      <c r="F4" s="158" t="s">
        <v>77</v>
      </c>
      <c r="M4" s="92"/>
      <c r="N4" s="92"/>
      <c r="O4" s="92"/>
      <c r="P4" s="92"/>
      <c r="Q4" s="92"/>
      <c r="R4" s="92"/>
      <c r="S4" s="92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92"/>
      <c r="AI4" s="92"/>
      <c r="AJ4" s="92"/>
      <c r="AK4" s="92"/>
      <c r="AL4" s="92"/>
      <c r="AM4" s="92"/>
      <c r="AN4" s="92"/>
      <c r="AO4" s="92"/>
      <c r="AP4" s="92"/>
      <c r="AQ4" s="92"/>
      <c r="AR4" s="92"/>
      <c r="AS4" s="92"/>
      <c r="AT4" s="92"/>
      <c r="AU4" s="92"/>
      <c r="AV4" s="92"/>
      <c r="AW4" s="92"/>
      <c r="AX4" s="92"/>
      <c r="AY4" s="92"/>
      <c r="AZ4" s="92"/>
      <c r="BA4" s="92"/>
      <c r="BB4" s="92"/>
      <c r="BC4" s="92"/>
      <c r="BD4" s="92"/>
      <c r="BE4" s="92"/>
      <c r="BF4" s="92"/>
      <c r="BG4" s="92"/>
      <c r="BH4" s="92"/>
      <c r="BI4" s="92"/>
      <c r="BJ4" s="92"/>
      <c r="BK4" s="92"/>
      <c r="BL4" s="92"/>
      <c r="BM4" s="92"/>
      <c r="BN4" s="92"/>
      <c r="BO4" s="92"/>
      <c r="BP4" s="92"/>
      <c r="BQ4" s="92"/>
      <c r="BR4" s="92"/>
      <c r="BS4" s="92"/>
      <c r="BT4" s="92"/>
      <c r="BU4" s="92"/>
      <c r="BV4" s="92"/>
      <c r="BW4" s="92"/>
      <c r="BX4" s="92"/>
      <c r="BY4" s="92"/>
      <c r="BZ4" s="92"/>
      <c r="CA4" s="92"/>
      <c r="CB4" s="92"/>
      <c r="CC4" s="92"/>
      <c r="CD4" s="92"/>
      <c r="CE4" s="92"/>
      <c r="CF4" s="92"/>
      <c r="CG4" s="92"/>
      <c r="CH4" s="92"/>
      <c r="CI4" s="92"/>
    </row>
    <row r="5" spans="2:87" ht="12.75" customHeight="1">
      <c r="B5" s="454"/>
      <c r="C5" s="454"/>
      <c r="D5" s="454"/>
      <c r="E5" s="454"/>
      <c r="F5" s="158" t="s">
        <v>412</v>
      </c>
      <c r="M5" s="92"/>
      <c r="N5" s="92"/>
      <c r="O5" s="92"/>
      <c r="P5" s="92"/>
      <c r="Q5" s="92"/>
      <c r="R5" s="92"/>
      <c r="S5" s="92"/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2"/>
      <c r="AH5" s="92"/>
      <c r="AI5" s="92"/>
      <c r="AJ5" s="92"/>
      <c r="AK5" s="92"/>
      <c r="AL5" s="92"/>
      <c r="AM5" s="92"/>
      <c r="AN5" s="92"/>
      <c r="AO5" s="92"/>
      <c r="AP5" s="92"/>
      <c r="AQ5" s="92"/>
      <c r="AR5" s="92"/>
      <c r="AS5" s="92"/>
      <c r="AT5" s="92"/>
      <c r="AU5" s="92"/>
      <c r="AV5" s="92"/>
      <c r="AW5" s="92"/>
      <c r="AX5" s="92"/>
      <c r="AY5" s="92"/>
      <c r="AZ5" s="92"/>
      <c r="BA5" s="92"/>
      <c r="BB5" s="92"/>
      <c r="BC5" s="92"/>
      <c r="BD5" s="92"/>
      <c r="BE5" s="92"/>
      <c r="BF5" s="92"/>
      <c r="BG5" s="92"/>
      <c r="BH5" s="92"/>
      <c r="BI5" s="92"/>
      <c r="BJ5" s="92"/>
      <c r="BK5" s="92"/>
      <c r="BL5" s="92"/>
      <c r="BM5" s="92"/>
      <c r="BN5" s="92"/>
      <c r="BO5" s="92"/>
      <c r="BP5" s="92"/>
      <c r="BQ5" s="92"/>
      <c r="BR5" s="92"/>
      <c r="BS5" s="92"/>
      <c r="BT5" s="92"/>
      <c r="BU5" s="92"/>
      <c r="BV5" s="92"/>
      <c r="BW5" s="92"/>
      <c r="BX5" s="92"/>
      <c r="BY5" s="92"/>
      <c r="BZ5" s="92"/>
      <c r="CA5" s="92"/>
      <c r="CB5" s="92"/>
      <c r="CC5" s="92"/>
      <c r="CD5" s="92"/>
      <c r="CE5" s="92"/>
      <c r="CF5" s="92"/>
      <c r="CG5" s="92"/>
      <c r="CH5" s="92"/>
      <c r="CI5" s="92"/>
    </row>
    <row r="6" spans="2:87" ht="17.25" customHeight="1">
      <c r="B6" s="458"/>
      <c r="C6" s="458"/>
      <c r="D6" s="458"/>
      <c r="E6" s="458"/>
      <c r="F6" s="458"/>
      <c r="G6" s="458"/>
      <c r="H6" s="458"/>
      <c r="I6" s="458"/>
      <c r="J6" s="458"/>
      <c r="K6" s="458"/>
      <c r="L6" s="458"/>
      <c r="M6" s="130"/>
      <c r="N6" s="130"/>
      <c r="O6" s="130"/>
      <c r="P6" s="130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92"/>
      <c r="AI6" s="92"/>
      <c r="AJ6" s="92"/>
      <c r="AK6" s="92"/>
      <c r="AL6" s="92"/>
      <c r="AM6" s="92"/>
      <c r="AN6" s="92"/>
      <c r="AO6" s="92"/>
      <c r="AP6" s="92"/>
      <c r="AQ6" s="92"/>
      <c r="AR6" s="92"/>
      <c r="AS6" s="92"/>
      <c r="AT6" s="92"/>
      <c r="AU6" s="92"/>
      <c r="AV6" s="92"/>
      <c r="AW6" s="92"/>
      <c r="AX6" s="92"/>
      <c r="AY6" s="92"/>
      <c r="AZ6" s="92"/>
      <c r="BA6" s="92"/>
      <c r="BB6" s="92"/>
      <c r="BC6" s="92"/>
      <c r="BD6" s="92"/>
      <c r="BE6" s="92"/>
      <c r="BF6" s="92"/>
      <c r="BG6" s="92"/>
      <c r="BH6" s="92"/>
      <c r="BI6" s="92"/>
      <c r="BJ6" s="92"/>
      <c r="BK6" s="92"/>
      <c r="BL6" s="92"/>
      <c r="BM6" s="92"/>
      <c r="BN6" s="92"/>
      <c r="BO6" s="92"/>
      <c r="BP6" s="92"/>
      <c r="BQ6" s="92"/>
      <c r="BR6" s="92"/>
      <c r="BS6" s="92"/>
      <c r="BT6" s="92"/>
      <c r="BU6" s="92"/>
      <c r="BV6" s="92"/>
      <c r="BW6" s="92"/>
      <c r="BX6" s="92"/>
      <c r="BY6" s="92"/>
      <c r="BZ6" s="92"/>
      <c r="CA6" s="92"/>
      <c r="CB6" s="92"/>
      <c r="CC6" s="92"/>
      <c r="CD6" s="92"/>
      <c r="CE6" s="92"/>
      <c r="CF6" s="92"/>
      <c r="CG6" s="92"/>
      <c r="CH6" s="92"/>
      <c r="CI6" s="92"/>
    </row>
    <row r="7" spans="2:87" ht="13.2" customHeight="1">
      <c r="B7" s="159"/>
      <c r="C7" s="159"/>
      <c r="D7" s="159"/>
      <c r="E7" s="159"/>
      <c r="F7" s="159"/>
      <c r="G7" s="159"/>
      <c r="H7" s="159"/>
      <c r="I7" s="159"/>
      <c r="J7" s="159"/>
      <c r="K7" s="159"/>
      <c r="L7" s="159"/>
      <c r="M7" s="130"/>
      <c r="N7" s="130"/>
      <c r="O7" s="130"/>
      <c r="P7" s="130"/>
      <c r="Q7" s="92"/>
      <c r="R7" s="92"/>
      <c r="S7" s="92"/>
      <c r="T7" s="92"/>
      <c r="U7" s="92"/>
      <c r="V7" s="92"/>
      <c r="W7" s="92"/>
      <c r="X7" s="92"/>
      <c r="Y7" s="92"/>
      <c r="Z7" s="92"/>
      <c r="AA7" s="92"/>
      <c r="AB7" s="92"/>
      <c r="AC7" s="92"/>
      <c r="AD7" s="92"/>
      <c r="AE7" s="92"/>
      <c r="AF7" s="92"/>
      <c r="AG7" s="92"/>
      <c r="AH7" s="92"/>
      <c r="AI7" s="92"/>
      <c r="AJ7" s="92"/>
      <c r="AK7" s="92"/>
      <c r="AL7" s="92"/>
      <c r="AM7" s="92"/>
      <c r="AN7" s="92"/>
      <c r="AO7" s="92"/>
      <c r="AP7" s="92"/>
      <c r="AQ7" s="92"/>
      <c r="AR7" s="92"/>
      <c r="AS7" s="92"/>
      <c r="AT7" s="92"/>
      <c r="AU7" s="92"/>
      <c r="AV7" s="92"/>
      <c r="AW7" s="92"/>
      <c r="AX7" s="92"/>
      <c r="AY7" s="92"/>
      <c r="AZ7" s="92"/>
      <c r="BA7" s="92"/>
      <c r="BB7" s="92"/>
      <c r="BC7" s="92"/>
      <c r="BD7" s="92"/>
      <c r="BE7" s="92"/>
      <c r="BF7" s="92"/>
      <c r="BG7" s="92"/>
      <c r="BH7" s="92"/>
      <c r="BI7" s="92"/>
      <c r="BJ7" s="92"/>
      <c r="BK7" s="92"/>
      <c r="BL7" s="92"/>
      <c r="BM7" s="92"/>
      <c r="BN7" s="92"/>
      <c r="BO7" s="92"/>
      <c r="BP7" s="92"/>
      <c r="BQ7" s="92"/>
      <c r="BR7" s="92"/>
      <c r="BS7" s="92"/>
      <c r="BT7" s="92"/>
      <c r="BU7" s="92"/>
      <c r="BV7" s="92"/>
      <c r="BW7" s="92"/>
      <c r="BX7" s="92"/>
      <c r="BY7" s="92"/>
      <c r="BZ7" s="92"/>
      <c r="CA7" s="92"/>
      <c r="CB7" s="92"/>
      <c r="CC7" s="92"/>
      <c r="CD7" s="92"/>
      <c r="CE7" s="92"/>
      <c r="CF7" s="92"/>
      <c r="CG7" s="92"/>
      <c r="CH7" s="92"/>
      <c r="CI7" s="92"/>
    </row>
    <row r="8" spans="2:87" s="110" customFormat="1" ht="19.2" customHeight="1">
      <c r="B8" s="159" t="s">
        <v>53</v>
      </c>
      <c r="C8" s="107"/>
      <c r="D8" s="109"/>
      <c r="E8" s="108"/>
      <c r="F8" s="107"/>
      <c r="G8" s="107"/>
      <c r="H8" s="109"/>
      <c r="I8" s="108"/>
      <c r="J8" s="107"/>
      <c r="K8" s="107"/>
      <c r="L8" s="109"/>
    </row>
    <row r="9" spans="2:87" ht="12.9" customHeight="1">
      <c r="B9" s="165" t="s">
        <v>27</v>
      </c>
      <c r="C9" s="165"/>
      <c r="D9" s="162"/>
      <c r="E9" s="169"/>
      <c r="F9" s="165" t="s">
        <v>28</v>
      </c>
      <c r="G9" s="165" t="s">
        <v>396</v>
      </c>
      <c r="H9" s="162"/>
      <c r="J9" s="165" t="s">
        <v>29</v>
      </c>
      <c r="K9" s="165" t="s">
        <v>227</v>
      </c>
      <c r="L9" s="181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92"/>
      <c r="AU9" s="92"/>
      <c r="AV9" s="92"/>
      <c r="AW9" s="92"/>
      <c r="AX9" s="92"/>
      <c r="AY9" s="92"/>
      <c r="AZ9" s="92"/>
      <c r="BA9" s="92"/>
      <c r="BB9" s="92"/>
      <c r="BC9" s="92"/>
      <c r="BD9" s="92"/>
      <c r="BE9" s="92"/>
      <c r="BF9" s="92"/>
      <c r="BG9" s="92"/>
      <c r="BH9" s="92"/>
      <c r="BI9" s="92"/>
      <c r="BJ9" s="92"/>
      <c r="BK9" s="92"/>
      <c r="BL9" s="92"/>
      <c r="BM9" s="92"/>
      <c r="BN9" s="92"/>
      <c r="BO9" s="92"/>
      <c r="BP9" s="92"/>
      <c r="BQ9" s="92"/>
      <c r="BR9" s="92"/>
      <c r="BS9" s="92"/>
      <c r="BT9" s="92"/>
      <c r="BU9" s="92"/>
      <c r="BV9" s="92"/>
      <c r="BW9" s="92"/>
      <c r="BX9" s="92"/>
      <c r="BY9" s="92"/>
      <c r="BZ9" s="92"/>
      <c r="CA9" s="92"/>
      <c r="CB9" s="92"/>
      <c r="CC9" s="92"/>
      <c r="CD9" s="92"/>
      <c r="CE9" s="92"/>
      <c r="CF9" s="92"/>
      <c r="CG9" s="92"/>
      <c r="CH9" s="92"/>
      <c r="CI9" s="92"/>
    </row>
    <row r="10" spans="2:87" ht="12.9" customHeight="1">
      <c r="B10" s="40"/>
      <c r="C10" s="41"/>
      <c r="D10" s="177"/>
      <c r="E10" s="169"/>
      <c r="F10" s="153">
        <v>12</v>
      </c>
      <c r="G10" s="41" t="s">
        <v>397</v>
      </c>
      <c r="H10" s="178">
        <v>1</v>
      </c>
      <c r="J10" s="153">
        <v>114</v>
      </c>
      <c r="K10" s="345" t="s">
        <v>161</v>
      </c>
      <c r="L10" s="178">
        <v>3</v>
      </c>
      <c r="M10" s="92"/>
      <c r="N10" s="92"/>
      <c r="O10" s="92"/>
      <c r="P10" s="92"/>
      <c r="Q10" s="92"/>
      <c r="R10" s="92"/>
      <c r="S10" s="92"/>
      <c r="T10" s="92"/>
      <c r="U10" s="92"/>
      <c r="V10" s="92"/>
      <c r="W10" s="92"/>
      <c r="X10" s="92"/>
      <c r="Y10" s="92"/>
      <c r="Z10" s="92"/>
      <c r="AA10" s="92"/>
      <c r="AB10" s="92"/>
      <c r="AC10" s="92"/>
      <c r="AD10" s="92"/>
      <c r="AE10" s="92"/>
      <c r="AF10" s="92"/>
      <c r="AG10" s="92"/>
      <c r="AH10" s="92"/>
      <c r="AI10" s="92"/>
      <c r="AJ10" s="92"/>
      <c r="AK10" s="92"/>
      <c r="AL10" s="92"/>
      <c r="AM10" s="92"/>
      <c r="AN10" s="92"/>
      <c r="AO10" s="92"/>
      <c r="AP10" s="92"/>
      <c r="AQ10" s="92"/>
      <c r="AR10" s="92"/>
      <c r="AS10" s="92"/>
      <c r="AT10" s="92"/>
      <c r="AU10" s="92"/>
      <c r="AV10" s="92"/>
      <c r="AW10" s="92"/>
      <c r="AX10" s="92"/>
      <c r="AY10" s="92"/>
      <c r="AZ10" s="92"/>
      <c r="BA10" s="92"/>
      <c r="BB10" s="92"/>
      <c r="BC10" s="92"/>
      <c r="BD10" s="92"/>
      <c r="BE10" s="92"/>
      <c r="BF10" s="92"/>
      <c r="BG10" s="92"/>
      <c r="BH10" s="92"/>
      <c r="BI10" s="92"/>
      <c r="BJ10" s="92"/>
      <c r="BK10" s="92"/>
      <c r="BL10" s="92"/>
      <c r="BM10" s="92"/>
      <c r="BN10" s="92"/>
      <c r="BO10" s="92"/>
      <c r="BP10" s="92"/>
      <c r="BQ10" s="92"/>
      <c r="BR10" s="92"/>
      <c r="BS10" s="92"/>
      <c r="BT10" s="92"/>
      <c r="BU10" s="92"/>
      <c r="BV10" s="92"/>
      <c r="BW10" s="92"/>
      <c r="BX10" s="92"/>
      <c r="BY10" s="92"/>
      <c r="BZ10" s="92"/>
      <c r="CA10" s="92"/>
      <c r="CB10" s="92"/>
      <c r="CC10" s="92"/>
      <c r="CD10" s="92"/>
      <c r="CE10" s="92"/>
      <c r="CF10" s="92"/>
      <c r="CG10" s="92"/>
      <c r="CH10" s="92"/>
      <c r="CI10" s="92"/>
    </row>
    <row r="11" spans="2:87" ht="12.9" customHeight="1">
      <c r="B11" s="40"/>
      <c r="C11" s="41"/>
      <c r="D11" s="177"/>
      <c r="E11" s="169"/>
      <c r="F11" s="153">
        <v>27</v>
      </c>
      <c r="G11" s="41" t="s">
        <v>398</v>
      </c>
      <c r="H11" s="178">
        <v>2</v>
      </c>
      <c r="J11" s="153">
        <v>111</v>
      </c>
      <c r="K11" s="345" t="s">
        <v>243</v>
      </c>
      <c r="L11" s="178">
        <v>4</v>
      </c>
      <c r="M11" s="92"/>
      <c r="N11" s="92"/>
      <c r="O11" s="92"/>
      <c r="P11" s="92"/>
      <c r="Q11" s="92"/>
      <c r="R11" s="92"/>
      <c r="S11" s="92"/>
      <c r="T11" s="92"/>
      <c r="U11" s="92"/>
      <c r="V11" s="92"/>
      <c r="W11" s="92"/>
      <c r="X11" s="92"/>
      <c r="Y11" s="92"/>
      <c r="Z11" s="92"/>
      <c r="AA11" s="92"/>
      <c r="AB11" s="92"/>
      <c r="AC11" s="92"/>
      <c r="AD11" s="92"/>
      <c r="AE11" s="92"/>
      <c r="AF11" s="92"/>
      <c r="AG11" s="92"/>
      <c r="AH11" s="92"/>
      <c r="AI11" s="92"/>
      <c r="AJ11" s="92"/>
      <c r="AK11" s="92"/>
      <c r="AL11" s="92"/>
      <c r="AM11" s="92"/>
      <c r="AN11" s="92"/>
      <c r="AO11" s="92"/>
      <c r="AP11" s="92"/>
      <c r="AQ11" s="92"/>
      <c r="AR11" s="92"/>
      <c r="AS11" s="92"/>
      <c r="AT11" s="92"/>
      <c r="AU11" s="92"/>
      <c r="AV11" s="92"/>
      <c r="AW11" s="92"/>
      <c r="AX11" s="92"/>
      <c r="AY11" s="92"/>
      <c r="AZ11" s="92"/>
      <c r="BA11" s="92"/>
      <c r="BB11" s="92"/>
      <c r="BC11" s="92"/>
      <c r="BD11" s="92"/>
      <c r="BE11" s="92"/>
      <c r="BF11" s="92"/>
      <c r="BG11" s="92"/>
      <c r="BH11" s="92"/>
      <c r="BI11" s="92"/>
      <c r="BJ11" s="92"/>
      <c r="BK11" s="92"/>
      <c r="BL11" s="92"/>
      <c r="BM11" s="92"/>
      <c r="BN11" s="92"/>
      <c r="BO11" s="92"/>
      <c r="BP11" s="92"/>
      <c r="BQ11" s="92"/>
      <c r="BR11" s="92"/>
      <c r="BS11" s="92"/>
      <c r="BT11" s="92"/>
      <c r="BU11" s="92"/>
      <c r="BV11" s="92"/>
      <c r="BW11" s="92"/>
      <c r="BX11" s="92"/>
      <c r="BY11" s="92"/>
      <c r="BZ11" s="92"/>
      <c r="CA11" s="92"/>
      <c r="CB11" s="92"/>
      <c r="CC11" s="92"/>
      <c r="CD11" s="92"/>
      <c r="CE11" s="92"/>
      <c r="CF11" s="92"/>
      <c r="CG11" s="92"/>
      <c r="CH11" s="92"/>
      <c r="CI11" s="92"/>
    </row>
    <row r="12" spans="2:87" ht="12.9" customHeight="1">
      <c r="B12" s="40"/>
      <c r="C12" s="41"/>
      <c r="D12" s="177"/>
      <c r="E12" s="169"/>
      <c r="F12" s="153">
        <v>43</v>
      </c>
      <c r="G12" s="41" t="s">
        <v>399</v>
      </c>
      <c r="H12" s="178">
        <v>3</v>
      </c>
      <c r="J12" s="153">
        <v>107</v>
      </c>
      <c r="K12" s="345" t="s">
        <v>561</v>
      </c>
      <c r="L12" s="178"/>
      <c r="M12" s="92"/>
      <c r="N12" s="92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92"/>
      <c r="AT12" s="92"/>
      <c r="AU12" s="92"/>
      <c r="AV12" s="92"/>
      <c r="AW12" s="92"/>
      <c r="AX12" s="92"/>
      <c r="AY12" s="92"/>
      <c r="AZ12" s="92"/>
      <c r="BA12" s="92"/>
      <c r="BB12" s="92"/>
      <c r="BC12" s="92"/>
      <c r="BD12" s="92"/>
      <c r="BE12" s="92"/>
      <c r="BF12" s="92"/>
      <c r="BG12" s="92"/>
      <c r="BH12" s="92"/>
      <c r="BI12" s="92"/>
      <c r="BJ12" s="92"/>
      <c r="BK12" s="92"/>
      <c r="BL12" s="92"/>
      <c r="BM12" s="92"/>
      <c r="BN12" s="92"/>
      <c r="BO12" s="92"/>
      <c r="BP12" s="92"/>
      <c r="BQ12" s="92"/>
      <c r="BR12" s="92"/>
      <c r="BS12" s="92"/>
      <c r="BT12" s="92"/>
      <c r="BU12" s="92"/>
      <c r="BV12" s="92"/>
      <c r="BW12" s="92"/>
      <c r="BX12" s="92"/>
      <c r="BY12" s="92"/>
      <c r="BZ12" s="92"/>
      <c r="CA12" s="92"/>
      <c r="CB12" s="92"/>
      <c r="CC12" s="92"/>
      <c r="CD12" s="92"/>
      <c r="CE12" s="92"/>
      <c r="CF12" s="92"/>
      <c r="CG12" s="92"/>
      <c r="CH12" s="92"/>
      <c r="CI12" s="92"/>
    </row>
    <row r="13" spans="2:87" ht="12.9" customHeight="1">
      <c r="B13" s="40"/>
      <c r="C13" s="41"/>
      <c r="D13" s="177"/>
      <c r="E13" s="169"/>
      <c r="F13" s="153">
        <v>203</v>
      </c>
      <c r="G13" s="41" t="s">
        <v>400</v>
      </c>
      <c r="H13" s="178">
        <v>4</v>
      </c>
      <c r="J13" s="153">
        <v>103</v>
      </c>
      <c r="K13" s="345" t="s">
        <v>244</v>
      </c>
      <c r="L13" s="178">
        <v>2</v>
      </c>
      <c r="M13" s="92"/>
      <c r="N13" s="92"/>
      <c r="O13" s="92"/>
      <c r="P13" s="92"/>
      <c r="Q13" s="92"/>
      <c r="R13" s="92"/>
      <c r="S13" s="92"/>
      <c r="T13" s="92"/>
      <c r="U13" s="92"/>
      <c r="V13" s="92"/>
      <c r="W13" s="92"/>
      <c r="X13" s="92"/>
      <c r="Y13" s="92"/>
      <c r="Z13" s="92"/>
      <c r="AA13" s="92"/>
      <c r="AB13" s="92"/>
      <c r="AC13" s="92"/>
      <c r="AD13" s="92"/>
      <c r="AE13" s="92"/>
      <c r="AF13" s="92"/>
      <c r="AG13" s="92"/>
      <c r="AH13" s="92"/>
      <c r="AI13" s="92"/>
      <c r="AJ13" s="92"/>
      <c r="AK13" s="92"/>
      <c r="AL13" s="92"/>
      <c r="AM13" s="92"/>
      <c r="AN13" s="92"/>
      <c r="AO13" s="92"/>
      <c r="AP13" s="92"/>
      <c r="AQ13" s="92"/>
      <c r="AR13" s="92"/>
      <c r="AS13" s="92"/>
      <c r="AT13" s="92"/>
      <c r="AU13" s="92"/>
      <c r="AV13" s="92"/>
      <c r="AW13" s="92"/>
      <c r="AX13" s="92"/>
      <c r="AY13" s="92"/>
      <c r="AZ13" s="92"/>
      <c r="BA13" s="92"/>
      <c r="BB13" s="92"/>
      <c r="BC13" s="92"/>
      <c r="BD13" s="92"/>
      <c r="BE13" s="92"/>
      <c r="BF13" s="92"/>
      <c r="BG13" s="92"/>
      <c r="BH13" s="92"/>
      <c r="BI13" s="92"/>
      <c r="BJ13" s="92"/>
      <c r="BK13" s="92"/>
      <c r="BL13" s="92"/>
      <c r="BM13" s="92"/>
      <c r="BN13" s="92"/>
      <c r="BO13" s="92"/>
      <c r="BP13" s="92"/>
      <c r="BQ13" s="92"/>
      <c r="BR13" s="92"/>
      <c r="BS13" s="92"/>
      <c r="BT13" s="92"/>
      <c r="BU13" s="92"/>
      <c r="BV13" s="92"/>
      <c r="BW13" s="92"/>
      <c r="BX13" s="92"/>
      <c r="BY13" s="92"/>
      <c r="BZ13" s="92"/>
      <c r="CA13" s="92"/>
      <c r="CB13" s="92"/>
      <c r="CC13" s="92"/>
      <c r="CD13" s="92"/>
      <c r="CE13" s="92"/>
      <c r="CF13" s="92"/>
      <c r="CG13" s="92"/>
      <c r="CH13" s="92"/>
      <c r="CI13" s="92"/>
    </row>
    <row r="14" spans="2:87" ht="12.9" customHeight="1">
      <c r="B14" s="40"/>
      <c r="C14" s="41"/>
      <c r="D14" s="177"/>
      <c r="E14" s="169"/>
      <c r="F14" s="153"/>
      <c r="G14" s="41"/>
      <c r="H14" s="178"/>
      <c r="J14" s="153">
        <v>101</v>
      </c>
      <c r="K14" s="345" t="s">
        <v>246</v>
      </c>
      <c r="L14" s="178">
        <v>1</v>
      </c>
      <c r="M14" s="92"/>
      <c r="N14" s="92"/>
      <c r="O14" s="92"/>
      <c r="P14" s="92"/>
      <c r="Q14" s="92"/>
      <c r="R14" s="92"/>
      <c r="S14" s="92"/>
      <c r="T14" s="92"/>
      <c r="U14" s="92"/>
      <c r="V14" s="92"/>
      <c r="W14" s="92"/>
      <c r="X14" s="92"/>
      <c r="Y14" s="92"/>
      <c r="Z14" s="92"/>
      <c r="AA14" s="92"/>
      <c r="AB14" s="92"/>
      <c r="AC14" s="92"/>
      <c r="AD14" s="92"/>
      <c r="AE14" s="92"/>
      <c r="AF14" s="92"/>
      <c r="AG14" s="92"/>
      <c r="AH14" s="92"/>
      <c r="AI14" s="92"/>
      <c r="AJ14" s="92"/>
      <c r="AK14" s="92"/>
      <c r="AL14" s="92"/>
      <c r="AM14" s="92"/>
      <c r="AN14" s="92"/>
      <c r="AO14" s="92"/>
      <c r="AP14" s="92"/>
      <c r="AQ14" s="92"/>
      <c r="AR14" s="92"/>
      <c r="AS14" s="92"/>
      <c r="AT14" s="92"/>
      <c r="AU14" s="92"/>
      <c r="AV14" s="92"/>
      <c r="AW14" s="92"/>
      <c r="AX14" s="92"/>
      <c r="AY14" s="92"/>
      <c r="AZ14" s="92"/>
      <c r="BA14" s="92"/>
      <c r="BB14" s="92"/>
      <c r="BC14" s="92"/>
      <c r="BD14" s="92"/>
      <c r="BE14" s="92"/>
      <c r="BF14" s="92"/>
      <c r="BG14" s="92"/>
      <c r="BH14" s="92"/>
      <c r="BI14" s="92"/>
      <c r="BJ14" s="92"/>
      <c r="BK14" s="92"/>
      <c r="BL14" s="92"/>
      <c r="BM14" s="92"/>
      <c r="BN14" s="92"/>
      <c r="BO14" s="92"/>
      <c r="BP14" s="92"/>
      <c r="BQ14" s="92"/>
      <c r="BR14" s="92"/>
      <c r="BS14" s="92"/>
      <c r="BT14" s="92"/>
      <c r="BU14" s="92"/>
      <c r="BV14" s="92"/>
      <c r="BW14" s="92"/>
      <c r="BX14" s="92"/>
      <c r="BY14" s="92"/>
      <c r="BZ14" s="92"/>
      <c r="CA14" s="92"/>
      <c r="CB14" s="92"/>
      <c r="CC14" s="92"/>
      <c r="CD14" s="92"/>
      <c r="CE14" s="92"/>
      <c r="CF14" s="92"/>
      <c r="CG14" s="92"/>
      <c r="CH14" s="92"/>
      <c r="CI14" s="92"/>
    </row>
    <row r="15" spans="2:87" ht="12.9" customHeight="1">
      <c r="B15" s="40"/>
      <c r="C15" s="41"/>
      <c r="D15" s="179"/>
      <c r="E15" s="169"/>
      <c r="F15" s="40"/>
      <c r="G15" s="41"/>
      <c r="H15" s="178"/>
      <c r="J15" s="153">
        <v>119</v>
      </c>
      <c r="K15" s="41" t="s">
        <v>245</v>
      </c>
      <c r="L15" s="178"/>
      <c r="M15" s="92"/>
      <c r="N15" s="459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92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92"/>
      <c r="AT15" s="92"/>
      <c r="AU15" s="92"/>
      <c r="AV15" s="92"/>
      <c r="AW15" s="92"/>
      <c r="AX15" s="92"/>
      <c r="AY15" s="92"/>
      <c r="AZ15" s="92"/>
      <c r="BA15" s="92"/>
      <c r="BB15" s="92"/>
      <c r="BC15" s="92"/>
      <c r="BD15" s="92"/>
      <c r="BE15" s="92"/>
      <c r="BF15" s="92"/>
      <c r="BG15" s="92"/>
      <c r="BH15" s="92"/>
      <c r="BI15" s="92"/>
      <c r="BJ15" s="92"/>
      <c r="BK15" s="92"/>
      <c r="BL15" s="92"/>
      <c r="BM15" s="92"/>
      <c r="BN15" s="92"/>
      <c r="BO15" s="92"/>
      <c r="BP15" s="92"/>
      <c r="BQ15" s="92"/>
      <c r="BR15" s="92"/>
      <c r="BS15" s="92"/>
      <c r="BT15" s="92"/>
      <c r="BU15" s="92"/>
      <c r="BV15" s="92"/>
      <c r="BW15" s="92"/>
      <c r="BX15" s="92"/>
      <c r="BY15" s="92"/>
      <c r="BZ15" s="92"/>
      <c r="CA15" s="92"/>
      <c r="CB15" s="92"/>
      <c r="CC15" s="92"/>
      <c r="CD15" s="92"/>
      <c r="CE15" s="92"/>
      <c r="CF15" s="92"/>
      <c r="CG15" s="92"/>
      <c r="CH15" s="92"/>
      <c r="CI15" s="92"/>
    </row>
    <row r="16" spans="2:87" ht="12.9" customHeight="1">
      <c r="B16" s="180"/>
      <c r="C16" s="180"/>
      <c r="D16" s="181"/>
      <c r="E16" s="169"/>
      <c r="F16" s="180"/>
      <c r="G16" s="180"/>
      <c r="H16" s="181"/>
      <c r="I16" s="169"/>
      <c r="J16" s="180"/>
      <c r="K16" s="180"/>
      <c r="L16" s="181"/>
      <c r="M16" s="92"/>
      <c r="N16" s="459"/>
      <c r="O16" s="92"/>
      <c r="P16" s="92"/>
      <c r="Q16" s="92"/>
      <c r="R16" s="92"/>
      <c r="S16" s="92"/>
      <c r="T16" s="92"/>
      <c r="U16" s="92"/>
      <c r="V16" s="92"/>
      <c r="W16" s="92"/>
      <c r="X16" s="92"/>
      <c r="Y16" s="92"/>
      <c r="Z16" s="92"/>
      <c r="AA16" s="92"/>
      <c r="AB16" s="92"/>
      <c r="AC16" s="92"/>
      <c r="AD16" s="92"/>
      <c r="AE16" s="92"/>
      <c r="AF16" s="92"/>
      <c r="AG16" s="92"/>
      <c r="AH16" s="92"/>
      <c r="AI16" s="92"/>
      <c r="AJ16" s="92"/>
      <c r="AK16" s="92"/>
      <c r="AL16" s="92"/>
      <c r="AM16" s="92"/>
      <c r="AN16" s="92"/>
      <c r="AO16" s="92"/>
      <c r="AP16" s="92"/>
      <c r="AQ16" s="92"/>
      <c r="AR16" s="92"/>
      <c r="AS16" s="92"/>
      <c r="AT16" s="92"/>
      <c r="AU16" s="92"/>
      <c r="AV16" s="92"/>
      <c r="AW16" s="92"/>
      <c r="AX16" s="92"/>
      <c r="AY16" s="92"/>
      <c r="AZ16" s="92"/>
      <c r="BA16" s="92"/>
      <c r="BB16" s="92"/>
      <c r="BC16" s="92"/>
      <c r="BD16" s="92"/>
      <c r="BE16" s="92"/>
      <c r="BF16" s="92"/>
      <c r="BG16" s="92"/>
      <c r="BH16" s="92"/>
      <c r="BI16" s="92"/>
      <c r="BJ16" s="92"/>
      <c r="BK16" s="92"/>
      <c r="BL16" s="92"/>
      <c r="BM16" s="92"/>
      <c r="BN16" s="92"/>
      <c r="BO16" s="92"/>
      <c r="BP16" s="92"/>
      <c r="BQ16" s="92"/>
      <c r="BR16" s="92"/>
      <c r="BS16" s="92"/>
      <c r="BT16" s="92"/>
      <c r="BU16" s="92"/>
      <c r="BV16" s="92"/>
      <c r="BW16" s="92"/>
      <c r="BX16" s="92"/>
      <c r="BY16" s="92"/>
      <c r="BZ16" s="92"/>
      <c r="CA16" s="92"/>
      <c r="CB16" s="92"/>
      <c r="CC16" s="92"/>
      <c r="CD16" s="92"/>
      <c r="CE16" s="92"/>
      <c r="CF16" s="92"/>
      <c r="CG16" s="92"/>
      <c r="CH16" s="92"/>
      <c r="CI16" s="92"/>
    </row>
    <row r="17" spans="2:87" ht="12.9" customHeight="1">
      <c r="B17" s="165" t="s">
        <v>30</v>
      </c>
      <c r="C17" s="165" t="s">
        <v>226</v>
      </c>
      <c r="D17" s="182"/>
      <c r="E17" s="169"/>
      <c r="F17" s="165" t="s">
        <v>31</v>
      </c>
      <c r="G17" s="165"/>
      <c r="H17" s="182"/>
      <c r="J17" s="165" t="s">
        <v>32</v>
      </c>
      <c r="K17" s="165"/>
      <c r="L17" s="182"/>
      <c r="M17" s="92"/>
      <c r="N17" s="459"/>
      <c r="O17" s="92"/>
      <c r="P17" s="92"/>
      <c r="Q17" s="92"/>
      <c r="R17" s="92"/>
      <c r="S17" s="92"/>
      <c r="T17" s="92"/>
      <c r="U17" s="92"/>
      <c r="V17" s="92"/>
      <c r="W17" s="92"/>
      <c r="X17" s="92"/>
      <c r="Y17" s="92"/>
      <c r="Z17" s="92"/>
      <c r="AA17" s="92"/>
      <c r="AB17" s="92"/>
      <c r="AC17" s="92"/>
      <c r="AD17" s="92"/>
      <c r="AE17" s="92"/>
      <c r="AF17" s="92"/>
      <c r="AG17" s="92"/>
      <c r="AH17" s="92"/>
      <c r="AI17" s="92"/>
      <c r="AJ17" s="92"/>
      <c r="AK17" s="92"/>
      <c r="AL17" s="92"/>
      <c r="AM17" s="92"/>
      <c r="AN17" s="92"/>
      <c r="AO17" s="92"/>
      <c r="AP17" s="92"/>
      <c r="AQ17" s="92"/>
      <c r="AR17" s="92"/>
      <c r="AS17" s="92"/>
      <c r="AT17" s="92"/>
      <c r="AU17" s="92"/>
      <c r="AV17" s="92"/>
      <c r="AW17" s="92"/>
      <c r="AX17" s="92"/>
      <c r="AY17" s="92"/>
      <c r="AZ17" s="92"/>
      <c r="BA17" s="92"/>
      <c r="BB17" s="92"/>
      <c r="BC17" s="92"/>
      <c r="BD17" s="92"/>
      <c r="BE17" s="92"/>
      <c r="BF17" s="92"/>
      <c r="BG17" s="92"/>
      <c r="BH17" s="92"/>
      <c r="BI17" s="92"/>
      <c r="BJ17" s="92"/>
      <c r="BK17" s="92"/>
      <c r="BL17" s="92"/>
      <c r="BM17" s="92"/>
      <c r="BN17" s="92"/>
      <c r="BO17" s="92"/>
      <c r="BP17" s="92"/>
      <c r="BQ17" s="92"/>
      <c r="BR17" s="92"/>
      <c r="BS17" s="92"/>
      <c r="BT17" s="92"/>
      <c r="BU17" s="92"/>
      <c r="BV17" s="92"/>
      <c r="BW17" s="92"/>
      <c r="BX17" s="92"/>
      <c r="BY17" s="92"/>
      <c r="BZ17" s="92"/>
      <c r="CA17" s="92"/>
      <c r="CB17" s="92"/>
      <c r="CC17" s="92"/>
      <c r="CD17" s="92"/>
      <c r="CE17" s="92"/>
      <c r="CF17" s="92"/>
      <c r="CG17" s="92"/>
      <c r="CH17" s="92"/>
      <c r="CI17" s="92"/>
    </row>
    <row r="18" spans="2:87" ht="12.9" customHeight="1">
      <c r="B18" s="247">
        <v>40</v>
      </c>
      <c r="C18" s="41" t="s">
        <v>225</v>
      </c>
      <c r="D18" s="399"/>
      <c r="E18" s="169"/>
      <c r="F18" s="40"/>
      <c r="G18" s="41"/>
      <c r="H18" s="183"/>
      <c r="J18" s="40"/>
      <c r="K18" s="41"/>
      <c r="L18" s="178"/>
      <c r="M18" s="92"/>
      <c r="N18" s="459"/>
      <c r="O18" s="92"/>
      <c r="P18" s="92"/>
      <c r="Q18" s="92"/>
      <c r="R18" s="92"/>
      <c r="S18" s="92"/>
      <c r="T18" s="92"/>
      <c r="U18" s="92"/>
      <c r="V18" s="92"/>
      <c r="W18" s="92"/>
      <c r="X18" s="92"/>
      <c r="Y18" s="92"/>
      <c r="Z18" s="92"/>
      <c r="AA18" s="92"/>
      <c r="AB18" s="92"/>
      <c r="AC18" s="92"/>
      <c r="AD18" s="92"/>
      <c r="AE18" s="92"/>
      <c r="AF18" s="92"/>
      <c r="AG18" s="92"/>
      <c r="AH18" s="92"/>
      <c r="AI18" s="92"/>
      <c r="AJ18" s="92"/>
      <c r="AK18" s="92"/>
      <c r="AL18" s="92"/>
      <c r="AM18" s="92"/>
      <c r="AN18" s="92"/>
      <c r="AO18" s="92"/>
      <c r="AP18" s="92"/>
      <c r="AQ18" s="92"/>
      <c r="AR18" s="92"/>
      <c r="AS18" s="92"/>
      <c r="AT18" s="92"/>
      <c r="AU18" s="92"/>
      <c r="AV18" s="92"/>
      <c r="AW18" s="92"/>
      <c r="AX18" s="92"/>
      <c r="AY18" s="92"/>
      <c r="AZ18" s="92"/>
      <c r="BA18" s="92"/>
      <c r="BB18" s="92"/>
      <c r="BC18" s="92"/>
      <c r="BD18" s="92"/>
      <c r="BE18" s="92"/>
      <c r="BF18" s="92"/>
      <c r="BG18" s="92"/>
      <c r="BH18" s="92"/>
      <c r="BI18" s="92"/>
      <c r="BJ18" s="92"/>
      <c r="BK18" s="92"/>
      <c r="BL18" s="92"/>
      <c r="BM18" s="92"/>
      <c r="BN18" s="92"/>
      <c r="BO18" s="92"/>
      <c r="BP18" s="92"/>
      <c r="BQ18" s="92"/>
      <c r="BR18" s="92"/>
      <c r="BS18" s="92"/>
      <c r="BT18" s="92"/>
      <c r="BU18" s="92"/>
      <c r="BV18" s="92"/>
      <c r="BW18" s="92"/>
      <c r="BX18" s="92"/>
      <c r="BY18" s="92"/>
      <c r="BZ18" s="92"/>
      <c r="CA18" s="92"/>
      <c r="CB18" s="92"/>
      <c r="CC18" s="92"/>
      <c r="CD18" s="92"/>
      <c r="CE18" s="92"/>
      <c r="CF18" s="92"/>
      <c r="CG18" s="92"/>
      <c r="CH18" s="92"/>
      <c r="CI18" s="92"/>
    </row>
    <row r="19" spans="2:87" ht="12.9" customHeight="1">
      <c r="B19" s="247">
        <v>33</v>
      </c>
      <c r="C19" s="41" t="s">
        <v>158</v>
      </c>
      <c r="D19" s="399"/>
      <c r="E19" s="169"/>
      <c r="F19" s="40"/>
      <c r="G19" s="41"/>
      <c r="H19" s="183"/>
      <c r="J19" s="40"/>
      <c r="K19" s="41"/>
      <c r="L19" s="178"/>
      <c r="M19" s="92"/>
      <c r="N19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  <c r="AE19" s="92"/>
      <c r="AF19" s="92"/>
      <c r="AG19" s="92"/>
      <c r="AH19" s="92"/>
      <c r="AI19" s="92"/>
      <c r="AJ19" s="92"/>
      <c r="AK19" s="92"/>
      <c r="AL19" s="92"/>
      <c r="AM19" s="92"/>
      <c r="AN19" s="92"/>
      <c r="AO19" s="92"/>
      <c r="AP19" s="92"/>
      <c r="AQ19" s="92"/>
      <c r="AR19" s="92"/>
      <c r="AS19" s="92"/>
      <c r="AT19" s="92"/>
      <c r="AU19" s="92"/>
      <c r="AV19" s="92"/>
      <c r="AW19" s="92"/>
      <c r="AX19" s="92"/>
      <c r="AY19" s="92"/>
      <c r="AZ19" s="92"/>
      <c r="BA19" s="92"/>
      <c r="BB19" s="92"/>
      <c r="BC19" s="92"/>
      <c r="BD19" s="92"/>
      <c r="BE19" s="92"/>
      <c r="BF19" s="92"/>
      <c r="BG19" s="92"/>
      <c r="BH19" s="92"/>
      <c r="BI19" s="92"/>
      <c r="BJ19" s="92"/>
      <c r="BK19" s="92"/>
      <c r="BL19" s="92"/>
      <c r="BM19" s="92"/>
      <c r="BN19" s="92"/>
      <c r="BO19" s="92"/>
      <c r="BP19" s="92"/>
      <c r="BQ19" s="92"/>
      <c r="BR19" s="92"/>
      <c r="BS19" s="92"/>
      <c r="BT19" s="92"/>
      <c r="BU19" s="92"/>
      <c r="BV19" s="92"/>
      <c r="BW19" s="92"/>
      <c r="BX19" s="92"/>
      <c r="BY19" s="92"/>
      <c r="BZ19" s="92"/>
      <c r="CA19" s="92"/>
      <c r="CB19" s="92"/>
      <c r="CC19" s="92"/>
      <c r="CD19" s="92"/>
      <c r="CE19" s="92"/>
      <c r="CF19" s="92"/>
      <c r="CG19" s="92"/>
      <c r="CH19" s="92"/>
      <c r="CI19" s="92"/>
    </row>
    <row r="20" spans="2:87" ht="12.9" customHeight="1">
      <c r="B20" s="247">
        <v>41</v>
      </c>
      <c r="C20" s="237" t="s">
        <v>153</v>
      </c>
      <c r="D20" s="400">
        <v>2</v>
      </c>
      <c r="E20" s="169"/>
      <c r="F20" s="40"/>
      <c r="G20" s="41"/>
      <c r="H20" s="183"/>
      <c r="J20" s="40"/>
      <c r="K20" s="41"/>
      <c r="L20" s="178"/>
      <c r="M20" s="92"/>
      <c r="N20" s="92"/>
      <c r="O20" s="92"/>
      <c r="P20" s="92"/>
      <c r="Q20" s="92"/>
      <c r="R20" s="92"/>
      <c r="S20" s="92"/>
      <c r="T20" s="92"/>
      <c r="U20" s="92"/>
      <c r="V20" s="92"/>
      <c r="W20" s="92"/>
      <c r="X20" s="92"/>
      <c r="Y20" s="92"/>
      <c r="Z20" s="92"/>
      <c r="AA20" s="92"/>
      <c r="AB20" s="92"/>
      <c r="AC20" s="92"/>
      <c r="AD20" s="92"/>
      <c r="AE20" s="92"/>
      <c r="AF20" s="92"/>
      <c r="AG20" s="92"/>
      <c r="AH20" s="92"/>
      <c r="AI20" s="92"/>
      <c r="AJ20" s="92"/>
      <c r="AK20" s="92"/>
      <c r="AL20" s="92"/>
      <c r="AM20" s="92"/>
      <c r="AN20" s="92"/>
      <c r="AO20" s="92"/>
      <c r="AP20" s="92"/>
      <c r="AQ20" s="92"/>
      <c r="AR20" s="92"/>
      <c r="AS20" s="92"/>
      <c r="AT20" s="92"/>
      <c r="AU20" s="92"/>
      <c r="AV20" s="92"/>
      <c r="AW20" s="92"/>
      <c r="AX20" s="92"/>
      <c r="AY20" s="92"/>
      <c r="AZ20" s="92"/>
      <c r="BA20" s="92"/>
      <c r="BB20" s="92"/>
      <c r="BC20" s="92"/>
      <c r="BD20" s="92"/>
      <c r="BE20" s="92"/>
      <c r="BF20" s="92"/>
      <c r="BG20" s="92"/>
      <c r="BH20" s="92"/>
      <c r="BI20" s="92"/>
      <c r="BJ20" s="92"/>
      <c r="BK20" s="92"/>
      <c r="BL20" s="92"/>
      <c r="BM20" s="92"/>
      <c r="BN20" s="92"/>
      <c r="BO20" s="92"/>
      <c r="BP20" s="92"/>
      <c r="BQ20" s="92"/>
      <c r="BR20" s="92"/>
      <c r="BS20" s="92"/>
      <c r="BT20" s="92"/>
      <c r="BU20" s="92"/>
      <c r="BV20" s="92"/>
      <c r="BW20" s="92"/>
      <c r="BX20" s="92"/>
      <c r="BY20" s="92"/>
      <c r="BZ20" s="92"/>
      <c r="CA20" s="92"/>
      <c r="CB20" s="92"/>
      <c r="CC20" s="92"/>
      <c r="CD20" s="92"/>
      <c r="CE20" s="92"/>
      <c r="CF20" s="92"/>
      <c r="CG20" s="92"/>
      <c r="CH20" s="92"/>
      <c r="CI20" s="92"/>
    </row>
    <row r="21" spans="2:87" ht="12.9" customHeight="1">
      <c r="B21" s="247">
        <v>36</v>
      </c>
      <c r="C21" s="228" t="s">
        <v>159</v>
      </c>
      <c r="D21" s="401">
        <v>1</v>
      </c>
      <c r="E21" s="169"/>
      <c r="F21" s="40"/>
      <c r="G21" s="41"/>
      <c r="H21" s="183"/>
      <c r="J21" s="40"/>
      <c r="K21" s="41"/>
      <c r="L21" s="178"/>
      <c r="M21" s="92"/>
      <c r="N21" s="92"/>
      <c r="O21" s="92"/>
      <c r="P21" s="92"/>
      <c r="Q21" s="92"/>
      <c r="R21" s="92"/>
      <c r="S21" s="92"/>
      <c r="T21" s="92"/>
      <c r="U21" s="92"/>
      <c r="V21" s="92"/>
      <c r="W21" s="92"/>
      <c r="X21" s="92"/>
      <c r="Y21" s="92"/>
      <c r="Z21" s="92"/>
      <c r="AA21" s="92"/>
      <c r="AB21" s="92"/>
      <c r="AC21" s="92"/>
      <c r="AD21" s="92"/>
      <c r="AE21" s="92"/>
      <c r="AF21" s="92"/>
      <c r="AG21" s="92"/>
      <c r="AH21" s="92"/>
      <c r="AI21" s="92"/>
      <c r="AJ21" s="92"/>
      <c r="AK21" s="92"/>
      <c r="AL21" s="92"/>
      <c r="AM21" s="92"/>
      <c r="AN21" s="92"/>
      <c r="AO21" s="92"/>
      <c r="AP21" s="92"/>
      <c r="AQ21" s="92"/>
      <c r="AR21" s="92"/>
      <c r="AS21" s="92"/>
      <c r="AT21" s="92"/>
      <c r="AU21" s="92"/>
      <c r="AV21" s="92"/>
      <c r="AW21" s="92"/>
      <c r="AX21" s="92"/>
      <c r="AY21" s="92"/>
      <c r="AZ21" s="92"/>
      <c r="BA21" s="92"/>
      <c r="BB21" s="92"/>
      <c r="BC21" s="92"/>
      <c r="BD21" s="92"/>
      <c r="BE21" s="92"/>
      <c r="BF21" s="92"/>
      <c r="BG21" s="92"/>
      <c r="BH21" s="92"/>
      <c r="BI21" s="92"/>
      <c r="BJ21" s="92"/>
      <c r="BK21" s="92"/>
      <c r="BL21" s="92"/>
      <c r="BM21" s="92"/>
      <c r="BN21" s="92"/>
      <c r="BO21" s="92"/>
      <c r="BP21" s="92"/>
      <c r="BQ21" s="92"/>
      <c r="BR21" s="92"/>
      <c r="BS21" s="92"/>
      <c r="BT21" s="92"/>
      <c r="BU21" s="92"/>
      <c r="BV21" s="92"/>
      <c r="BW21" s="92"/>
      <c r="BX21" s="92"/>
      <c r="BY21" s="92"/>
      <c r="BZ21" s="92"/>
      <c r="CA21" s="92"/>
      <c r="CB21" s="92"/>
      <c r="CC21" s="92"/>
      <c r="CD21" s="92"/>
      <c r="CE21" s="92"/>
      <c r="CF21" s="92"/>
      <c r="CG21" s="92"/>
      <c r="CH21" s="92"/>
      <c r="CI21" s="92"/>
    </row>
    <row r="22" spans="2:87" ht="12.9" customHeight="1">
      <c r="B22" s="247">
        <v>30</v>
      </c>
      <c r="C22" s="41" t="s">
        <v>117</v>
      </c>
      <c r="D22" s="398">
        <v>4</v>
      </c>
      <c r="E22" s="169"/>
      <c r="F22" s="40"/>
      <c r="G22" s="41"/>
      <c r="H22" s="183"/>
      <c r="J22" s="40"/>
      <c r="K22" s="41"/>
      <c r="L22" s="178"/>
      <c r="M22" s="92"/>
      <c r="N22" s="92"/>
      <c r="O22" s="92"/>
      <c r="P22" s="92"/>
      <c r="Q22" s="92"/>
      <c r="R22" s="92"/>
      <c r="S22" s="92"/>
      <c r="T22" s="92"/>
      <c r="U22" s="92"/>
      <c r="V22" s="92"/>
      <c r="W22" s="92"/>
      <c r="X22" s="92"/>
      <c r="Y22" s="92"/>
      <c r="Z22" s="92"/>
      <c r="AA22" s="92"/>
      <c r="AB22" s="92"/>
      <c r="AC22" s="92"/>
      <c r="AD22" s="92"/>
      <c r="AE22" s="92"/>
      <c r="AF22" s="92"/>
      <c r="AG22" s="92"/>
      <c r="AH22" s="92"/>
      <c r="AI22" s="92"/>
      <c r="AJ22" s="92"/>
      <c r="AK22" s="92"/>
      <c r="AL22" s="92"/>
      <c r="AM22" s="92"/>
      <c r="AN22" s="92"/>
      <c r="AO22" s="92"/>
      <c r="AP22" s="92"/>
      <c r="AQ22" s="92"/>
      <c r="AR22" s="92"/>
      <c r="AS22" s="92"/>
      <c r="AT22" s="92"/>
      <c r="AU22" s="92"/>
      <c r="AV22" s="92"/>
      <c r="AW22" s="92"/>
      <c r="AX22" s="92"/>
      <c r="AY22" s="92"/>
      <c r="AZ22" s="92"/>
      <c r="BA22" s="92"/>
      <c r="BB22" s="92"/>
      <c r="BC22" s="92"/>
      <c r="BD22" s="92"/>
      <c r="BE22" s="92"/>
      <c r="BF22" s="92"/>
      <c r="BG22" s="92"/>
      <c r="BH22" s="92"/>
      <c r="BI22" s="92"/>
      <c r="BJ22" s="92"/>
      <c r="BK22" s="92"/>
      <c r="BL22" s="92"/>
      <c r="BM22" s="92"/>
      <c r="BN22" s="92"/>
      <c r="BO22" s="92"/>
      <c r="BP22" s="92"/>
      <c r="BQ22" s="92"/>
      <c r="BR22" s="92"/>
      <c r="BS22" s="92"/>
      <c r="BT22" s="92"/>
      <c r="BU22" s="92"/>
      <c r="BV22" s="92"/>
      <c r="BW22" s="92"/>
      <c r="BX22" s="92"/>
      <c r="BY22" s="92"/>
      <c r="BZ22" s="92"/>
      <c r="CA22" s="92"/>
      <c r="CB22" s="92"/>
      <c r="CC22" s="92"/>
      <c r="CD22" s="92"/>
      <c r="CE22" s="92"/>
      <c r="CF22" s="92"/>
      <c r="CG22" s="92"/>
      <c r="CH22" s="92"/>
      <c r="CI22" s="92"/>
    </row>
    <row r="23" spans="2:87" ht="12.9" customHeight="1">
      <c r="B23" s="247">
        <v>18</v>
      </c>
      <c r="C23" s="41" t="s">
        <v>142</v>
      </c>
      <c r="D23" s="398">
        <v>3</v>
      </c>
      <c r="E23" s="169"/>
      <c r="F23" s="40"/>
      <c r="G23" s="41"/>
      <c r="H23" s="183"/>
      <c r="J23" s="40"/>
      <c r="K23" s="41"/>
      <c r="L23" s="178"/>
      <c r="M23" s="92"/>
      <c r="N23" s="92"/>
      <c r="O23" s="92"/>
      <c r="P23" s="92"/>
      <c r="Q23" s="92"/>
      <c r="R23" s="92"/>
      <c r="S23" s="92"/>
      <c r="T23" s="92"/>
      <c r="U23" s="92"/>
      <c r="V23" s="92"/>
      <c r="W23" s="92"/>
      <c r="X23" s="92"/>
      <c r="Y23" s="92"/>
      <c r="Z23" s="92"/>
      <c r="AA23" s="92"/>
      <c r="AB23" s="92"/>
      <c r="AC23" s="92"/>
      <c r="AD23" s="92"/>
      <c r="AE23" s="92"/>
      <c r="AF23" s="92"/>
      <c r="AG23" s="92"/>
      <c r="AH23" s="92"/>
      <c r="AI23" s="92"/>
      <c r="AJ23" s="92"/>
      <c r="AK23" s="92"/>
      <c r="AL23" s="92"/>
      <c r="AM23" s="92"/>
      <c r="AN23" s="92"/>
      <c r="AO23" s="92"/>
      <c r="AP23" s="92"/>
      <c r="AQ23" s="92"/>
      <c r="AR23" s="92"/>
      <c r="AS23" s="92"/>
      <c r="AT23" s="92"/>
      <c r="AU23" s="92"/>
      <c r="AV23" s="92"/>
      <c r="AW23" s="92"/>
      <c r="AX23" s="92"/>
      <c r="AY23" s="92"/>
      <c r="AZ23" s="92"/>
      <c r="BA23" s="92"/>
      <c r="BB23" s="92"/>
      <c r="BC23" s="92"/>
      <c r="BD23" s="92"/>
      <c r="BE23" s="92"/>
      <c r="BF23" s="92"/>
      <c r="BG23" s="92"/>
      <c r="BH23" s="92"/>
      <c r="BI23" s="92"/>
      <c r="BJ23" s="92"/>
      <c r="BK23" s="92"/>
      <c r="BL23" s="92"/>
      <c r="BM23" s="92"/>
      <c r="BN23" s="92"/>
      <c r="BO23" s="92"/>
      <c r="BP23" s="92"/>
      <c r="BQ23" s="92"/>
      <c r="BR23" s="92"/>
      <c r="BS23" s="92"/>
      <c r="BT23" s="92"/>
      <c r="BU23" s="92"/>
      <c r="BV23" s="92"/>
      <c r="BW23" s="92"/>
      <c r="BX23" s="92"/>
      <c r="BY23" s="92"/>
      <c r="BZ23" s="92"/>
      <c r="CA23" s="92"/>
      <c r="CB23" s="92"/>
      <c r="CC23" s="92"/>
      <c r="CD23" s="92"/>
      <c r="CE23" s="92"/>
      <c r="CF23" s="92"/>
      <c r="CG23" s="92"/>
      <c r="CH23" s="92"/>
      <c r="CI23" s="92"/>
    </row>
    <row r="24" spans="2:87" ht="12.9" customHeight="1">
      <c r="B24" s="184"/>
      <c r="C24" s="184"/>
      <c r="D24" s="185"/>
      <c r="E24" s="169"/>
      <c r="F24" s="186"/>
      <c r="G24" s="180"/>
      <c r="H24" s="187"/>
      <c r="I24" s="169"/>
      <c r="J24" s="186"/>
      <c r="K24" s="188"/>
      <c r="L24" s="189"/>
      <c r="M24" s="92"/>
      <c r="N24" s="92"/>
      <c r="O24" s="92"/>
      <c r="P24" s="92"/>
      <c r="Q24" s="92"/>
      <c r="R24" s="92"/>
      <c r="S24" s="92"/>
      <c r="T24" s="92"/>
      <c r="U24" s="92"/>
      <c r="V24" s="92"/>
      <c r="W24" s="92"/>
      <c r="X24" s="92"/>
      <c r="Y24" s="92"/>
      <c r="Z24" s="92"/>
      <c r="AA24" s="92"/>
      <c r="AB24" s="92"/>
      <c r="AC24" s="92"/>
      <c r="AD24" s="92"/>
      <c r="AE24" s="92"/>
      <c r="AF24" s="92"/>
      <c r="AG24" s="92"/>
      <c r="AH24" s="92"/>
      <c r="AI24" s="92"/>
      <c r="AJ24" s="92"/>
      <c r="AK24" s="92"/>
      <c r="AL24" s="92"/>
      <c r="AM24" s="92"/>
      <c r="AN24" s="92"/>
      <c r="AO24" s="92"/>
      <c r="AP24" s="92"/>
      <c r="AQ24" s="92"/>
      <c r="AR24" s="92"/>
      <c r="AS24" s="92"/>
      <c r="AT24" s="92"/>
      <c r="AU24" s="92"/>
      <c r="AV24" s="92"/>
      <c r="AW24" s="92"/>
      <c r="AX24" s="92"/>
      <c r="AY24" s="92"/>
      <c r="AZ24" s="92"/>
      <c r="BA24" s="92"/>
      <c r="BB24" s="92"/>
      <c r="BC24" s="92"/>
      <c r="BD24" s="92"/>
      <c r="BE24" s="92"/>
      <c r="BF24" s="92"/>
      <c r="BG24" s="92"/>
      <c r="BH24" s="92"/>
      <c r="BI24" s="92"/>
      <c r="BJ24" s="92"/>
      <c r="BK24" s="92"/>
      <c r="BL24" s="92"/>
      <c r="BM24" s="92"/>
      <c r="BN24" s="92"/>
      <c r="BO24" s="92"/>
      <c r="BP24" s="92"/>
      <c r="BQ24" s="92"/>
      <c r="BR24" s="92"/>
      <c r="BS24" s="92"/>
      <c r="BT24" s="92"/>
      <c r="BU24" s="92"/>
      <c r="BV24" s="92"/>
      <c r="BW24" s="92"/>
      <c r="BX24" s="92"/>
      <c r="BY24" s="92"/>
      <c r="BZ24" s="92"/>
      <c r="CA24" s="92"/>
      <c r="CB24" s="92"/>
      <c r="CC24" s="92"/>
      <c r="CD24" s="92"/>
      <c r="CE24" s="92"/>
      <c r="CF24" s="92"/>
      <c r="CG24" s="92"/>
      <c r="CH24" s="92"/>
      <c r="CI24" s="92"/>
    </row>
    <row r="25" spans="2:87" ht="12.9" customHeight="1">
      <c r="B25" s="165" t="s">
        <v>33</v>
      </c>
      <c r="C25" s="165"/>
      <c r="D25" s="182"/>
      <c r="E25" s="169"/>
      <c r="F25" s="157" t="s">
        <v>5</v>
      </c>
      <c r="G25" s="173" t="s">
        <v>34</v>
      </c>
      <c r="I25" s="394"/>
      <c r="J25" s="394" t="s">
        <v>429</v>
      </c>
      <c r="K25" s="158"/>
      <c r="L25" s="156"/>
      <c r="O25" s="92"/>
      <c r="P25" s="92"/>
      <c r="Q25" s="92"/>
      <c r="R25" s="92"/>
      <c r="S25" s="92"/>
      <c r="T25" s="92"/>
      <c r="U25" s="92"/>
      <c r="V25" s="92"/>
      <c r="W25" s="92"/>
      <c r="X25" s="92"/>
      <c r="Y25" s="92"/>
      <c r="Z25" s="92"/>
      <c r="AA25" s="92"/>
      <c r="AB25" s="92"/>
      <c r="AC25" s="92"/>
      <c r="AD25" s="92"/>
      <c r="AE25" s="92"/>
      <c r="AF25" s="92"/>
      <c r="AG25" s="92"/>
      <c r="AH25" s="92"/>
      <c r="AI25" s="92"/>
      <c r="AJ25" s="92"/>
      <c r="AK25" s="92"/>
      <c r="AL25" s="92"/>
      <c r="AM25" s="92"/>
      <c r="AN25" s="92"/>
      <c r="AO25" s="92"/>
      <c r="AP25" s="92"/>
      <c r="AQ25" s="92"/>
      <c r="AR25" s="92"/>
      <c r="AS25" s="92"/>
      <c r="AT25" s="92"/>
      <c r="AU25" s="92"/>
      <c r="AV25" s="92"/>
      <c r="AW25" s="92"/>
      <c r="AX25" s="92"/>
      <c r="AY25" s="92"/>
      <c r="AZ25" s="92"/>
      <c r="BA25" s="92"/>
      <c r="BB25" s="92"/>
      <c r="BC25" s="92"/>
      <c r="BD25" s="92"/>
      <c r="BE25" s="92"/>
      <c r="BF25" s="92"/>
      <c r="BG25" s="92"/>
      <c r="BH25" s="92"/>
      <c r="BI25" s="92"/>
      <c r="BJ25" s="92"/>
      <c r="BK25" s="92"/>
      <c r="BL25" s="92"/>
      <c r="BM25" s="92"/>
      <c r="BN25" s="92"/>
      <c r="BO25" s="92"/>
      <c r="BP25" s="92"/>
      <c r="BQ25" s="92"/>
      <c r="BR25" s="92"/>
      <c r="BS25" s="92"/>
      <c r="BT25" s="92"/>
      <c r="BU25" s="92"/>
      <c r="BV25" s="92"/>
      <c r="BW25" s="92"/>
      <c r="BX25" s="92"/>
      <c r="BY25" s="92"/>
      <c r="BZ25" s="92"/>
      <c r="CA25" s="92"/>
      <c r="CB25" s="92"/>
      <c r="CC25" s="92"/>
      <c r="CD25" s="92"/>
      <c r="CE25" s="92"/>
      <c r="CF25" s="92"/>
      <c r="CG25" s="92"/>
      <c r="CH25" s="92"/>
      <c r="CI25" s="92"/>
    </row>
    <row r="26" spans="2:87" ht="12.9" customHeight="1">
      <c r="B26" s="40"/>
      <c r="C26" s="41"/>
      <c r="D26" s="190"/>
      <c r="E26" s="169"/>
      <c r="F26" s="165">
        <v>1</v>
      </c>
      <c r="G26" s="455" t="s">
        <v>401</v>
      </c>
      <c r="H26" s="455"/>
      <c r="I26" s="455"/>
      <c r="J26" s="366" t="s">
        <v>404</v>
      </c>
      <c r="K26" s="158"/>
      <c r="L26" s="156"/>
      <c r="R26" s="92"/>
      <c r="S26" s="92"/>
      <c r="T26" s="92"/>
      <c r="U26" s="92"/>
      <c r="V26" s="92"/>
      <c r="W26" s="92"/>
      <c r="X26" s="92"/>
      <c r="Y26" s="92"/>
      <c r="Z26" s="92"/>
      <c r="AA26" s="92"/>
      <c r="AB26" s="92"/>
      <c r="AC26" s="92"/>
      <c r="AD26" s="92"/>
      <c r="AE26" s="92"/>
      <c r="AF26" s="92"/>
      <c r="AG26" s="92"/>
      <c r="AH26" s="92"/>
      <c r="AI26" s="92"/>
      <c r="AJ26" s="92"/>
      <c r="AK26" s="92"/>
      <c r="AL26" s="92"/>
      <c r="AM26" s="92"/>
      <c r="AN26" s="92"/>
      <c r="AO26" s="92"/>
      <c r="AP26" s="92"/>
      <c r="AQ26" s="92"/>
      <c r="AR26" s="92"/>
      <c r="AS26" s="92"/>
      <c r="AT26" s="92"/>
      <c r="AU26" s="92"/>
      <c r="AV26" s="92"/>
      <c r="AW26" s="92"/>
      <c r="AX26" s="92"/>
      <c r="AY26" s="92"/>
      <c r="AZ26" s="92"/>
      <c r="BA26" s="92"/>
      <c r="BB26" s="92"/>
      <c r="BC26" s="92"/>
      <c r="BD26" s="92"/>
      <c r="BE26" s="92"/>
      <c r="BF26" s="92"/>
      <c r="BG26" s="92"/>
      <c r="BH26" s="92"/>
      <c r="BI26" s="92"/>
      <c r="BJ26" s="92"/>
      <c r="BK26" s="92"/>
      <c r="BL26" s="92"/>
      <c r="BM26" s="92"/>
      <c r="BN26" s="92"/>
      <c r="BO26" s="92"/>
      <c r="BP26" s="92"/>
      <c r="BQ26" s="92"/>
      <c r="BR26" s="92"/>
      <c r="BS26" s="92"/>
      <c r="BT26" s="92"/>
      <c r="BU26" s="92"/>
      <c r="BV26" s="92"/>
      <c r="BW26" s="92"/>
      <c r="BX26" s="92"/>
      <c r="BY26" s="92"/>
      <c r="BZ26" s="92"/>
      <c r="CA26" s="92"/>
      <c r="CB26" s="92"/>
      <c r="CC26" s="92"/>
      <c r="CD26" s="92"/>
      <c r="CE26" s="92"/>
      <c r="CF26" s="92"/>
      <c r="CG26" s="92"/>
      <c r="CH26" s="92"/>
      <c r="CI26" s="92"/>
    </row>
    <row r="27" spans="2:87" ht="12.9" customHeight="1">
      <c r="B27" s="40"/>
      <c r="C27" s="41"/>
      <c r="D27" s="191"/>
      <c r="E27" s="169"/>
      <c r="F27" s="176">
        <v>2</v>
      </c>
      <c r="G27" s="456" t="s">
        <v>402</v>
      </c>
      <c r="H27" s="456"/>
      <c r="I27" s="456"/>
      <c r="J27" s="366" t="s">
        <v>405</v>
      </c>
      <c r="K27" s="158"/>
      <c r="L27" s="156"/>
      <c r="R27" s="92"/>
      <c r="S27" s="92"/>
      <c r="T27" s="92"/>
      <c r="U27" s="92"/>
      <c r="V27" s="92"/>
      <c r="W27" s="92"/>
      <c r="X27" s="92"/>
      <c r="Y27" s="92"/>
      <c r="Z27" s="92"/>
      <c r="AA27" s="92"/>
      <c r="AB27" s="92"/>
      <c r="AC27" s="92"/>
      <c r="AD27" s="92"/>
      <c r="AE27" s="92"/>
      <c r="AF27" s="92"/>
      <c r="AG27" s="92"/>
      <c r="AH27" s="92"/>
      <c r="AI27" s="92"/>
      <c r="AJ27" s="92"/>
      <c r="AK27" s="92"/>
      <c r="AL27" s="92"/>
      <c r="AM27" s="92"/>
      <c r="AN27" s="92"/>
      <c r="AO27" s="92"/>
      <c r="AP27" s="92"/>
      <c r="AQ27" s="92"/>
      <c r="AR27" s="92"/>
      <c r="AS27" s="92"/>
      <c r="AT27" s="92"/>
      <c r="AU27" s="92"/>
      <c r="AV27" s="92"/>
      <c r="AW27" s="92"/>
      <c r="AX27" s="92"/>
      <c r="AY27" s="92"/>
      <c r="AZ27" s="92"/>
      <c r="BA27" s="92"/>
      <c r="BB27" s="92"/>
      <c r="BC27" s="92"/>
      <c r="BD27" s="92"/>
      <c r="BE27" s="92"/>
      <c r="BF27" s="92"/>
      <c r="BG27" s="92"/>
      <c r="BH27" s="92"/>
      <c r="BI27" s="92"/>
      <c r="BJ27" s="92"/>
      <c r="BK27" s="92"/>
      <c r="BL27" s="92"/>
      <c r="BM27" s="92"/>
      <c r="BN27" s="92"/>
      <c r="BO27" s="92"/>
      <c r="BP27" s="92"/>
      <c r="BQ27" s="92"/>
      <c r="BR27" s="92"/>
      <c r="BS27" s="92"/>
      <c r="BT27" s="92"/>
      <c r="BU27" s="92"/>
      <c r="BV27" s="92"/>
      <c r="BW27" s="92"/>
      <c r="BX27" s="92"/>
      <c r="BY27" s="92"/>
      <c r="BZ27" s="92"/>
      <c r="CA27" s="92"/>
      <c r="CB27" s="92"/>
      <c r="CC27" s="92"/>
      <c r="CD27" s="92"/>
      <c r="CE27" s="92"/>
      <c r="CF27" s="92"/>
      <c r="CG27" s="92"/>
      <c r="CH27" s="92"/>
      <c r="CI27" s="92"/>
    </row>
    <row r="28" spans="2:87" ht="12.9" customHeight="1">
      <c r="B28" s="40"/>
      <c r="C28" s="41"/>
      <c r="D28" s="191"/>
      <c r="E28" s="169"/>
      <c r="F28" s="176">
        <v>3</v>
      </c>
      <c r="G28" s="456" t="s">
        <v>403</v>
      </c>
      <c r="H28" s="456"/>
      <c r="I28" s="456"/>
      <c r="J28" s="366" t="s">
        <v>406</v>
      </c>
      <c r="K28" s="158"/>
      <c r="L28" s="156"/>
      <c r="R28" s="92"/>
      <c r="S28" s="92"/>
      <c r="T28" s="92"/>
      <c r="U28" s="92"/>
      <c r="V28" s="92"/>
      <c r="W28" s="92"/>
      <c r="X28" s="92"/>
      <c r="Y28" s="92"/>
      <c r="Z28" s="92"/>
      <c r="AA28" s="92"/>
      <c r="AB28" s="92"/>
      <c r="AC28" s="92"/>
      <c r="AD28" s="92"/>
      <c r="AE28" s="92"/>
      <c r="AF28" s="92"/>
      <c r="AG28" s="92"/>
      <c r="AH28" s="92"/>
      <c r="AI28" s="92"/>
      <c r="AJ28" s="92"/>
      <c r="AK28" s="92"/>
      <c r="AL28" s="92"/>
      <c r="AM28" s="92"/>
      <c r="AN28" s="92"/>
      <c r="AO28" s="92"/>
      <c r="AP28" s="92"/>
      <c r="AQ28" s="92"/>
      <c r="AR28" s="92"/>
      <c r="AS28" s="92"/>
      <c r="AT28" s="92"/>
      <c r="AU28" s="92"/>
      <c r="AV28" s="92"/>
      <c r="AW28" s="92"/>
      <c r="AX28" s="92"/>
      <c r="AY28" s="92"/>
      <c r="AZ28" s="92"/>
      <c r="BA28" s="92"/>
      <c r="BB28" s="92"/>
      <c r="BC28" s="92"/>
      <c r="BD28" s="92"/>
      <c r="BE28" s="92"/>
      <c r="BF28" s="92"/>
      <c r="BG28" s="92"/>
      <c r="BH28" s="92"/>
      <c r="BI28" s="92"/>
      <c r="BJ28" s="92"/>
      <c r="BK28" s="92"/>
      <c r="BL28" s="92"/>
      <c r="BM28" s="92"/>
      <c r="BN28" s="92"/>
      <c r="BO28" s="92"/>
      <c r="BP28" s="92"/>
      <c r="BQ28" s="92"/>
      <c r="BR28" s="92"/>
      <c r="BS28" s="92"/>
      <c r="BT28" s="92"/>
      <c r="BU28" s="92"/>
      <c r="BV28" s="92"/>
      <c r="BW28" s="92"/>
      <c r="BX28" s="92"/>
      <c r="BY28" s="92"/>
      <c r="BZ28" s="92"/>
      <c r="CA28" s="92"/>
      <c r="CB28" s="92"/>
      <c r="CC28" s="92"/>
      <c r="CD28" s="92"/>
      <c r="CE28" s="92"/>
      <c r="CF28" s="92"/>
      <c r="CG28" s="92"/>
      <c r="CH28" s="92"/>
      <c r="CI28" s="92"/>
    </row>
    <row r="29" spans="2:87" ht="12.9" customHeight="1">
      <c r="B29" s="40"/>
      <c r="C29" s="41"/>
      <c r="D29" s="191"/>
      <c r="E29" s="169"/>
      <c r="F29" s="176">
        <v>4</v>
      </c>
      <c r="G29" s="176"/>
      <c r="H29" s="455"/>
      <c r="I29" s="455"/>
      <c r="J29" s="455"/>
      <c r="K29" s="158"/>
      <c r="L29" s="156"/>
      <c r="R29" s="92"/>
      <c r="S29" s="92"/>
      <c r="T29" s="92"/>
      <c r="U29" s="92"/>
      <c r="V29" s="92"/>
      <c r="W29" s="92"/>
      <c r="X29" s="92"/>
      <c r="Y29" s="92"/>
      <c r="Z29" s="92"/>
      <c r="AA29" s="92"/>
      <c r="AB29" s="92"/>
      <c r="AC29" s="92"/>
      <c r="AD29" s="92"/>
      <c r="AE29" s="92"/>
      <c r="AF29" s="92"/>
      <c r="AG29" s="92"/>
      <c r="AH29" s="92"/>
      <c r="AI29" s="92"/>
      <c r="AJ29" s="92"/>
      <c r="AK29" s="92"/>
      <c r="AL29" s="92"/>
      <c r="AM29" s="92"/>
      <c r="AN29" s="92"/>
      <c r="AO29" s="92"/>
      <c r="AP29" s="92"/>
      <c r="AQ29" s="92"/>
      <c r="AR29" s="92"/>
      <c r="AS29" s="92"/>
      <c r="AT29" s="92"/>
      <c r="AU29" s="92"/>
      <c r="AV29" s="92"/>
      <c r="AW29" s="92"/>
      <c r="AX29" s="92"/>
      <c r="AY29" s="92"/>
      <c r="AZ29" s="92"/>
      <c r="BA29" s="92"/>
      <c r="BB29" s="92"/>
      <c r="BC29" s="92"/>
      <c r="BD29" s="92"/>
      <c r="BE29" s="92"/>
      <c r="BF29" s="92"/>
      <c r="BG29" s="92"/>
      <c r="BH29" s="92"/>
      <c r="BI29" s="92"/>
      <c r="BJ29" s="92"/>
      <c r="BK29" s="92"/>
      <c r="BL29" s="92"/>
      <c r="BM29" s="92"/>
      <c r="BN29" s="92"/>
      <c r="BO29" s="92"/>
      <c r="BP29" s="92"/>
      <c r="BQ29" s="92"/>
      <c r="BR29" s="92"/>
      <c r="BS29" s="92"/>
      <c r="BT29" s="92"/>
      <c r="BU29" s="92"/>
      <c r="BV29" s="92"/>
      <c r="BW29" s="92"/>
      <c r="BX29" s="92"/>
      <c r="BY29" s="92"/>
      <c r="BZ29" s="92"/>
      <c r="CA29" s="92"/>
      <c r="CB29" s="92"/>
      <c r="CC29" s="92"/>
      <c r="CD29" s="92"/>
      <c r="CE29" s="92"/>
      <c r="CF29" s="92"/>
      <c r="CG29" s="92"/>
      <c r="CH29" s="92"/>
      <c r="CI29" s="92"/>
    </row>
    <row r="30" spans="2:87" ht="12.9" customHeight="1">
      <c r="B30" s="40"/>
      <c r="C30" s="41"/>
      <c r="D30" s="191"/>
      <c r="E30" s="169"/>
      <c r="F30" s="176">
        <v>5</v>
      </c>
      <c r="G30" s="176"/>
      <c r="H30" s="455"/>
      <c r="I30" s="455"/>
      <c r="J30" s="455"/>
      <c r="K30" s="158"/>
      <c r="L30" s="156"/>
      <c r="R30" s="92"/>
      <c r="S30" s="92"/>
      <c r="T30" s="92"/>
      <c r="U30" s="92"/>
      <c r="V30" s="92"/>
      <c r="W30" s="92"/>
      <c r="X30" s="92"/>
      <c r="Y30" s="92"/>
      <c r="Z30" s="92"/>
      <c r="AA30" s="92"/>
      <c r="AB30" s="92"/>
      <c r="AC30" s="92"/>
      <c r="AD30" s="92"/>
      <c r="AE30" s="92"/>
      <c r="AF30" s="92"/>
      <c r="AG30" s="92"/>
      <c r="AH30" s="92"/>
      <c r="AI30" s="92"/>
      <c r="AJ30" s="92"/>
      <c r="AK30" s="92"/>
      <c r="AL30" s="92"/>
      <c r="AM30" s="92"/>
      <c r="AN30" s="92"/>
      <c r="AO30" s="92"/>
      <c r="AP30" s="92"/>
      <c r="AQ30" s="92"/>
      <c r="AR30" s="92"/>
      <c r="AS30" s="92"/>
      <c r="AT30" s="92"/>
      <c r="AU30" s="92"/>
      <c r="AV30" s="92"/>
      <c r="AW30" s="92"/>
      <c r="AX30" s="92"/>
      <c r="AY30" s="92"/>
      <c r="AZ30" s="92"/>
      <c r="BA30" s="92"/>
      <c r="BB30" s="92"/>
      <c r="BC30" s="92"/>
      <c r="BD30" s="92"/>
      <c r="BE30" s="92"/>
      <c r="BF30" s="92"/>
      <c r="BG30" s="92"/>
      <c r="BH30" s="92"/>
      <c r="BI30" s="92"/>
      <c r="BJ30" s="92"/>
      <c r="BK30" s="92"/>
      <c r="BL30" s="92"/>
      <c r="BM30" s="92"/>
      <c r="BN30" s="92"/>
      <c r="BO30" s="92"/>
      <c r="BP30" s="92"/>
      <c r="BQ30" s="92"/>
      <c r="BR30" s="92"/>
      <c r="BS30" s="92"/>
      <c r="BT30" s="92"/>
      <c r="BU30" s="92"/>
      <c r="BV30" s="92"/>
      <c r="BW30" s="92"/>
      <c r="BX30" s="92"/>
      <c r="BY30" s="92"/>
      <c r="BZ30" s="92"/>
      <c r="CA30" s="92"/>
      <c r="CB30" s="92"/>
      <c r="CC30" s="92"/>
      <c r="CD30" s="92"/>
      <c r="CE30" s="92"/>
      <c r="CF30" s="92"/>
      <c r="CG30" s="92"/>
      <c r="CH30" s="92"/>
      <c r="CI30" s="92"/>
    </row>
    <row r="31" spans="2:87" ht="12.9" customHeight="1">
      <c r="B31" s="40"/>
      <c r="C31" s="41"/>
      <c r="D31" s="191"/>
      <c r="E31" s="169"/>
      <c r="F31" s="176">
        <v>6</v>
      </c>
      <c r="G31" s="176"/>
      <c r="H31" s="455"/>
      <c r="I31" s="455"/>
      <c r="J31" s="455"/>
      <c r="K31" s="158"/>
      <c r="L31" s="156"/>
      <c r="R31" s="92"/>
      <c r="S31" s="92"/>
      <c r="T31" s="92"/>
      <c r="U31" s="92"/>
      <c r="V31" s="92"/>
      <c r="W31" s="92"/>
      <c r="X31" s="92"/>
      <c r="Y31" s="92"/>
      <c r="Z31" s="92"/>
      <c r="AA31" s="92"/>
      <c r="AB31" s="92"/>
      <c r="AC31" s="92"/>
      <c r="AD31" s="92"/>
      <c r="AE31" s="92"/>
      <c r="AF31" s="92"/>
      <c r="AG31" s="92"/>
      <c r="AH31" s="92"/>
      <c r="AI31" s="92"/>
      <c r="AJ31" s="92"/>
      <c r="AK31" s="92"/>
      <c r="AL31" s="92"/>
      <c r="AM31" s="92"/>
      <c r="AN31" s="92"/>
      <c r="AO31" s="92"/>
      <c r="AP31" s="92"/>
      <c r="AQ31" s="92"/>
      <c r="AR31" s="92"/>
      <c r="AS31" s="92"/>
      <c r="AT31" s="92"/>
      <c r="AU31" s="92"/>
      <c r="AV31" s="92"/>
      <c r="AW31" s="92"/>
      <c r="AX31" s="92"/>
      <c r="AY31" s="92"/>
      <c r="AZ31" s="92"/>
      <c r="BA31" s="92"/>
      <c r="BB31" s="92"/>
      <c r="BC31" s="92"/>
      <c r="BD31" s="92"/>
      <c r="BE31" s="92"/>
      <c r="BF31" s="92"/>
      <c r="BG31" s="92"/>
      <c r="BH31" s="92"/>
      <c r="BI31" s="92"/>
      <c r="BJ31" s="92"/>
      <c r="BK31" s="92"/>
      <c r="BL31" s="92"/>
      <c r="BM31" s="92"/>
      <c r="BN31" s="92"/>
      <c r="BO31" s="92"/>
      <c r="BP31" s="92"/>
      <c r="BQ31" s="92"/>
      <c r="BR31" s="92"/>
      <c r="BS31" s="92"/>
      <c r="BT31" s="92"/>
      <c r="BU31" s="92"/>
      <c r="BV31" s="92"/>
      <c r="BW31" s="92"/>
      <c r="BX31" s="92"/>
      <c r="BY31" s="92"/>
      <c r="BZ31" s="92"/>
      <c r="CA31" s="92"/>
      <c r="CB31" s="92"/>
      <c r="CC31" s="92"/>
      <c r="CD31" s="92"/>
      <c r="CE31" s="92"/>
      <c r="CF31" s="92"/>
      <c r="CG31" s="92"/>
      <c r="CH31" s="92"/>
      <c r="CI31" s="92"/>
    </row>
    <row r="32" spans="2:87" ht="12.9" customHeight="1">
      <c r="B32" s="158"/>
      <c r="C32" s="158"/>
      <c r="D32" s="156"/>
      <c r="E32" s="157"/>
      <c r="F32" s="176">
        <v>7</v>
      </c>
      <c r="G32" s="176"/>
      <c r="H32" s="455"/>
      <c r="I32" s="455"/>
      <c r="J32" s="455"/>
      <c r="K32" s="157"/>
      <c r="L32" s="156"/>
      <c r="R32" s="92"/>
      <c r="S32" s="92"/>
      <c r="T32" s="92"/>
      <c r="U32" s="92"/>
      <c r="V32" s="92"/>
      <c r="W32" s="92"/>
      <c r="X32" s="92"/>
      <c r="Y32" s="92"/>
      <c r="Z32" s="92"/>
      <c r="AA32" s="92"/>
      <c r="AB32" s="92"/>
      <c r="AC32" s="92"/>
      <c r="AD32" s="92"/>
      <c r="AE32" s="92"/>
      <c r="AF32" s="92"/>
      <c r="AG32" s="92"/>
      <c r="AH32" s="92"/>
      <c r="AI32" s="92"/>
      <c r="AJ32" s="92"/>
      <c r="AK32" s="92"/>
      <c r="AL32" s="92"/>
      <c r="AM32" s="92"/>
      <c r="AN32" s="92"/>
      <c r="AO32" s="92"/>
      <c r="AP32" s="92"/>
      <c r="AQ32" s="92"/>
      <c r="AR32" s="92"/>
      <c r="AS32" s="92"/>
      <c r="AT32" s="92"/>
      <c r="AU32" s="92"/>
      <c r="AV32" s="92"/>
      <c r="AW32" s="92"/>
      <c r="AX32" s="92"/>
      <c r="AY32" s="92"/>
      <c r="AZ32" s="92"/>
      <c r="BA32" s="92"/>
      <c r="BB32" s="92"/>
      <c r="BC32" s="92"/>
      <c r="BD32" s="92"/>
      <c r="BE32" s="92"/>
      <c r="BF32" s="92"/>
      <c r="BG32" s="92"/>
      <c r="BH32" s="92"/>
      <c r="BI32" s="92"/>
      <c r="BJ32" s="92"/>
      <c r="BK32" s="92"/>
      <c r="BL32" s="92"/>
      <c r="BM32" s="92"/>
      <c r="BN32" s="92"/>
      <c r="BO32" s="92"/>
      <c r="BP32" s="92"/>
      <c r="BQ32" s="92"/>
      <c r="BR32" s="92"/>
      <c r="BS32" s="92"/>
      <c r="BT32" s="92"/>
      <c r="BU32" s="92"/>
      <c r="BV32" s="92"/>
      <c r="BW32" s="92"/>
      <c r="BX32" s="92"/>
      <c r="BY32" s="92"/>
      <c r="BZ32" s="92"/>
      <c r="CA32" s="92"/>
      <c r="CB32" s="92"/>
      <c r="CC32" s="92"/>
      <c r="CD32" s="92"/>
      <c r="CE32" s="92"/>
      <c r="CF32" s="92"/>
      <c r="CG32" s="92"/>
      <c r="CH32" s="92"/>
      <c r="CI32" s="92"/>
    </row>
    <row r="33" spans="2:87" ht="12.9" customHeight="1">
      <c r="B33" s="99"/>
      <c r="C33" s="99"/>
      <c r="D33" s="99"/>
      <c r="F33" s="176">
        <v>8</v>
      </c>
      <c r="G33" s="176"/>
      <c r="H33" s="455"/>
      <c r="I33" s="455"/>
      <c r="J33" s="455"/>
      <c r="K33" s="157"/>
      <c r="L33" s="156"/>
      <c r="R33" s="92"/>
      <c r="S33" s="92"/>
      <c r="T33" s="92"/>
      <c r="U33" s="92"/>
      <c r="V33" s="92"/>
      <c r="W33" s="92"/>
      <c r="X33" s="92"/>
      <c r="Y33" s="92"/>
      <c r="Z33" s="92"/>
      <c r="AA33" s="92"/>
      <c r="AB33" s="92"/>
      <c r="AC33" s="92"/>
      <c r="AD33" s="92"/>
      <c r="AE33" s="92"/>
      <c r="AF33" s="92"/>
      <c r="AG33" s="92"/>
      <c r="AH33" s="92"/>
      <c r="AI33" s="92"/>
      <c r="AJ33" s="92"/>
      <c r="AK33" s="92"/>
      <c r="AL33" s="92"/>
      <c r="AM33" s="92"/>
      <c r="AN33" s="92"/>
      <c r="AO33" s="92"/>
      <c r="AP33" s="92"/>
      <c r="AQ33" s="92"/>
      <c r="AR33" s="92"/>
      <c r="AS33" s="92"/>
      <c r="AT33" s="92"/>
      <c r="AU33" s="92"/>
      <c r="AV33" s="92"/>
      <c r="AW33" s="92"/>
      <c r="AX33" s="92"/>
      <c r="AY33" s="92"/>
      <c r="AZ33" s="92"/>
      <c r="BA33" s="92"/>
      <c r="BB33" s="92"/>
      <c r="BC33" s="92"/>
      <c r="BD33" s="92"/>
      <c r="BE33" s="92"/>
      <c r="BF33" s="92"/>
      <c r="BG33" s="92"/>
      <c r="BH33" s="92"/>
      <c r="BI33" s="92"/>
      <c r="BJ33" s="92"/>
      <c r="BK33" s="92"/>
      <c r="BL33" s="92"/>
      <c r="BM33" s="92"/>
      <c r="BN33" s="92"/>
      <c r="BO33" s="92"/>
      <c r="BP33" s="92"/>
      <c r="BQ33" s="92"/>
      <c r="BR33" s="92"/>
      <c r="BS33" s="92"/>
      <c r="BT33" s="92"/>
      <c r="BU33" s="92"/>
      <c r="BV33" s="92"/>
      <c r="BW33" s="92"/>
      <c r="BX33" s="92"/>
      <c r="BY33" s="92"/>
      <c r="BZ33" s="92"/>
      <c r="CA33" s="92"/>
      <c r="CB33" s="92"/>
      <c r="CC33" s="92"/>
      <c r="CD33" s="92"/>
      <c r="CE33" s="92"/>
      <c r="CF33" s="92"/>
      <c r="CG33" s="92"/>
      <c r="CH33" s="92"/>
      <c r="CI33" s="92"/>
    </row>
    <row r="34" spans="2:87" ht="12.9" customHeight="1">
      <c r="B34" s="99"/>
      <c r="C34" s="99"/>
      <c r="D34" s="99"/>
      <c r="F34" s="99"/>
      <c r="K34" s="180"/>
      <c r="L34" s="172"/>
      <c r="M34" s="101"/>
      <c r="R34" s="92"/>
      <c r="S34" s="92"/>
      <c r="T34" s="92"/>
      <c r="U34" s="92"/>
      <c r="V34" s="92"/>
      <c r="W34" s="92"/>
      <c r="X34" s="92"/>
      <c r="Y34" s="92"/>
      <c r="Z34" s="92"/>
      <c r="AA34" s="92"/>
      <c r="AB34" s="92"/>
      <c r="AC34" s="92"/>
      <c r="AD34" s="92"/>
      <c r="AE34" s="92"/>
      <c r="AF34" s="92"/>
      <c r="AG34" s="92"/>
      <c r="AH34" s="92"/>
      <c r="AI34" s="92"/>
      <c r="AJ34" s="92"/>
      <c r="AK34" s="92"/>
      <c r="AL34" s="92"/>
      <c r="AM34" s="92"/>
      <c r="AN34" s="92"/>
      <c r="AO34" s="92"/>
      <c r="AP34" s="92"/>
      <c r="AQ34" s="92"/>
      <c r="AR34" s="92"/>
      <c r="AS34" s="92"/>
      <c r="AT34" s="92"/>
      <c r="AU34" s="92"/>
      <c r="AV34" s="92"/>
      <c r="AW34" s="92"/>
      <c r="AX34" s="92"/>
      <c r="AY34" s="92"/>
      <c r="AZ34" s="92"/>
      <c r="BA34" s="92"/>
      <c r="BB34" s="92"/>
      <c r="BC34" s="92"/>
      <c r="BD34" s="92"/>
      <c r="BE34" s="92"/>
      <c r="BF34" s="92"/>
      <c r="BG34" s="92"/>
      <c r="BH34" s="92"/>
      <c r="BI34" s="92"/>
      <c r="BJ34" s="92"/>
      <c r="BK34" s="92"/>
      <c r="BL34" s="92"/>
      <c r="BM34" s="92"/>
      <c r="BN34" s="92"/>
      <c r="BO34" s="92"/>
      <c r="BP34" s="92"/>
      <c r="BQ34" s="92"/>
      <c r="BR34" s="92"/>
      <c r="BS34" s="92"/>
      <c r="BT34" s="92"/>
      <c r="BU34" s="92"/>
      <c r="BV34" s="92"/>
      <c r="BW34" s="92"/>
      <c r="BX34" s="92"/>
      <c r="BY34" s="92"/>
      <c r="BZ34" s="92"/>
      <c r="CA34" s="92"/>
      <c r="CB34" s="92"/>
      <c r="CC34" s="92"/>
      <c r="CD34" s="92"/>
      <c r="CE34" s="92"/>
      <c r="CF34" s="92"/>
      <c r="CG34" s="92"/>
      <c r="CH34" s="92"/>
      <c r="CI34" s="92"/>
    </row>
    <row r="35" spans="2:87" ht="19.2" customHeight="1">
      <c r="B35" s="159" t="s">
        <v>67</v>
      </c>
      <c r="C35" s="101"/>
      <c r="D35" s="94"/>
      <c r="E35" s="92"/>
      <c r="F35" s="101"/>
      <c r="G35" s="101"/>
      <c r="H35" s="94"/>
      <c r="I35" s="92"/>
      <c r="M35" s="92"/>
      <c r="N35" s="92"/>
      <c r="O35" s="92"/>
      <c r="P35" s="92"/>
      <c r="Q35" s="92"/>
      <c r="R35" s="92"/>
      <c r="S35" s="92"/>
      <c r="T35" s="92"/>
      <c r="U35" s="92"/>
      <c r="V35" s="92"/>
      <c r="W35" s="92"/>
      <c r="X35" s="92"/>
      <c r="Y35" s="92"/>
      <c r="Z35" s="92"/>
      <c r="AA35" s="92"/>
      <c r="AB35" s="92"/>
      <c r="AC35" s="92"/>
      <c r="AD35" s="92"/>
      <c r="AE35" s="92"/>
      <c r="AF35" s="92"/>
      <c r="AG35" s="92"/>
      <c r="AH35" s="92"/>
      <c r="AI35" s="92"/>
      <c r="AJ35" s="92"/>
      <c r="AK35" s="92"/>
      <c r="AL35" s="92"/>
      <c r="AM35" s="92"/>
      <c r="AN35" s="92"/>
      <c r="AO35" s="92"/>
      <c r="AP35" s="92"/>
      <c r="AQ35" s="92"/>
      <c r="AR35" s="92"/>
      <c r="AS35" s="92"/>
      <c r="AT35" s="92"/>
      <c r="AU35" s="92"/>
      <c r="AV35" s="92"/>
      <c r="AW35" s="92"/>
      <c r="AX35" s="92"/>
      <c r="AY35" s="92"/>
      <c r="AZ35" s="92"/>
      <c r="BA35" s="92"/>
      <c r="BB35" s="92"/>
      <c r="BC35" s="92"/>
      <c r="BD35" s="92"/>
      <c r="BE35" s="92"/>
      <c r="BF35" s="92"/>
      <c r="BG35" s="92"/>
      <c r="BH35" s="92"/>
      <c r="BI35" s="92"/>
      <c r="BJ35" s="92"/>
      <c r="BK35" s="92"/>
      <c r="BL35" s="92"/>
      <c r="BM35" s="92"/>
      <c r="BN35" s="92"/>
      <c r="BO35" s="92"/>
      <c r="BP35" s="92"/>
      <c r="BQ35" s="92"/>
      <c r="BR35" s="92"/>
      <c r="BS35" s="92"/>
      <c r="BT35" s="92"/>
      <c r="BU35" s="92"/>
      <c r="BV35" s="92"/>
      <c r="BW35" s="92"/>
      <c r="BX35" s="92"/>
      <c r="BY35" s="92"/>
      <c r="BZ35" s="92"/>
      <c r="CA35" s="92"/>
      <c r="CB35" s="92"/>
      <c r="CC35" s="92"/>
      <c r="CD35" s="92"/>
      <c r="CE35" s="92"/>
      <c r="CF35" s="92"/>
      <c r="CG35" s="92"/>
      <c r="CH35" s="92"/>
      <c r="CI35" s="92"/>
    </row>
    <row r="36" spans="2:87" ht="12.9" customHeight="1">
      <c r="B36" s="165" t="s">
        <v>27</v>
      </c>
      <c r="C36" s="165"/>
      <c r="D36" s="162"/>
      <c r="E36" s="169"/>
      <c r="F36" s="165" t="s">
        <v>28</v>
      </c>
      <c r="G36" s="165" t="s">
        <v>407</v>
      </c>
      <c r="H36" s="162"/>
      <c r="I36" s="169"/>
      <c r="J36" s="165" t="s">
        <v>29</v>
      </c>
      <c r="K36" s="165" t="s">
        <v>408</v>
      </c>
      <c r="L36" s="162"/>
      <c r="M36" s="92"/>
      <c r="N36" s="92"/>
      <c r="O36" s="92"/>
      <c r="P36" s="92"/>
      <c r="Q36" s="92"/>
      <c r="R36" s="92"/>
      <c r="S36" s="92"/>
      <c r="T36" s="92"/>
      <c r="U36" s="92"/>
      <c r="V36" s="92"/>
      <c r="W36" s="92"/>
      <c r="X36" s="92"/>
      <c r="Y36" s="92"/>
      <c r="Z36" s="92"/>
      <c r="AA36" s="92"/>
      <c r="AB36" s="92"/>
      <c r="AC36" s="92"/>
      <c r="AD36" s="92"/>
      <c r="AE36" s="92"/>
      <c r="AF36" s="92"/>
      <c r="AG36" s="92"/>
      <c r="AH36" s="92"/>
      <c r="AI36" s="92"/>
      <c r="AJ36" s="92"/>
      <c r="AK36" s="92"/>
      <c r="AL36" s="92"/>
      <c r="AM36" s="92"/>
      <c r="AN36" s="92"/>
      <c r="AO36" s="92"/>
      <c r="AP36" s="92"/>
      <c r="AQ36" s="92"/>
      <c r="AR36" s="92"/>
      <c r="AS36" s="92"/>
      <c r="AT36" s="92"/>
      <c r="AU36" s="92"/>
      <c r="AV36" s="92"/>
      <c r="AW36" s="92"/>
      <c r="AX36" s="92"/>
      <c r="AY36" s="92"/>
      <c r="AZ36" s="92"/>
      <c r="BA36" s="92"/>
      <c r="BB36" s="92"/>
      <c r="BC36" s="92"/>
      <c r="BD36" s="92"/>
      <c r="BE36" s="92"/>
      <c r="BF36" s="92"/>
      <c r="BG36" s="92"/>
      <c r="BH36" s="92"/>
      <c r="BI36" s="92"/>
      <c r="BJ36" s="92"/>
      <c r="BK36" s="92"/>
      <c r="BL36" s="92"/>
      <c r="BM36" s="92"/>
      <c r="BN36" s="92"/>
      <c r="BO36" s="92"/>
      <c r="BP36" s="92"/>
      <c r="BQ36" s="92"/>
      <c r="BR36" s="92"/>
      <c r="BS36" s="92"/>
      <c r="BT36" s="92"/>
      <c r="BU36" s="92"/>
      <c r="BV36" s="92"/>
      <c r="BW36" s="92"/>
      <c r="BX36" s="92"/>
      <c r="BY36" s="92"/>
      <c r="BZ36" s="92"/>
      <c r="CA36" s="92"/>
      <c r="CB36" s="92"/>
      <c r="CC36" s="92"/>
      <c r="CD36" s="92"/>
      <c r="CE36" s="92"/>
      <c r="CF36" s="92"/>
      <c r="CG36" s="92"/>
      <c r="CH36" s="92"/>
      <c r="CI36" s="92"/>
    </row>
    <row r="37" spans="2:87" ht="12.9" customHeight="1">
      <c r="B37" s="153"/>
      <c r="C37" s="41"/>
      <c r="D37" s="192"/>
      <c r="E37" s="169"/>
      <c r="F37" s="153">
        <v>21</v>
      </c>
      <c r="G37" s="41" t="s">
        <v>560</v>
      </c>
      <c r="H37" s="193"/>
      <c r="I37" s="169"/>
      <c r="J37" s="153">
        <v>305</v>
      </c>
      <c r="K37" s="316" t="s">
        <v>423</v>
      </c>
      <c r="L37" s="193"/>
      <c r="M37" s="92"/>
      <c r="N37" s="92"/>
      <c r="O37" s="92"/>
      <c r="P37" s="92"/>
      <c r="Q37" s="92"/>
      <c r="R37" s="92"/>
      <c r="S37" s="92"/>
      <c r="T37" s="92"/>
      <c r="U37" s="92"/>
      <c r="V37" s="92"/>
      <c r="W37" s="92"/>
      <c r="X37" s="92"/>
      <c r="Y37" s="92"/>
      <c r="Z37" s="92"/>
      <c r="AA37" s="92"/>
      <c r="AB37" s="92"/>
      <c r="AC37" s="92"/>
      <c r="AD37" s="92"/>
      <c r="AE37" s="92"/>
      <c r="AF37" s="92"/>
      <c r="AG37" s="92"/>
      <c r="AH37" s="92"/>
      <c r="AI37" s="92"/>
      <c r="AJ37" s="92"/>
      <c r="AK37" s="92"/>
      <c r="AL37" s="92"/>
      <c r="AM37" s="92"/>
      <c r="AN37" s="92"/>
      <c r="AO37" s="92"/>
      <c r="AP37" s="92"/>
      <c r="AQ37" s="92"/>
      <c r="AR37" s="92"/>
      <c r="AS37" s="92"/>
      <c r="AT37" s="92"/>
      <c r="AU37" s="92"/>
      <c r="AV37" s="92"/>
      <c r="AW37" s="92"/>
      <c r="AX37" s="92"/>
      <c r="AY37" s="92"/>
      <c r="AZ37" s="92"/>
      <c r="BA37" s="92"/>
      <c r="BB37" s="92"/>
      <c r="BC37" s="92"/>
      <c r="BD37" s="92"/>
      <c r="BE37" s="92"/>
      <c r="BF37" s="92"/>
      <c r="BG37" s="92"/>
      <c r="BH37" s="92"/>
      <c r="BI37" s="92"/>
      <c r="BJ37" s="92"/>
      <c r="BK37" s="92"/>
      <c r="BL37" s="92"/>
      <c r="BM37" s="92"/>
      <c r="BN37" s="92"/>
      <c r="BO37" s="92"/>
      <c r="BP37" s="92"/>
      <c r="BQ37" s="92"/>
      <c r="BR37" s="92"/>
      <c r="BS37" s="92"/>
      <c r="BT37" s="92"/>
      <c r="BU37" s="92"/>
      <c r="BV37" s="92"/>
      <c r="BW37" s="92"/>
      <c r="BX37" s="92"/>
      <c r="BY37" s="92"/>
      <c r="BZ37" s="92"/>
      <c r="CA37" s="92"/>
      <c r="CB37" s="92"/>
      <c r="CC37" s="92"/>
      <c r="CD37" s="92"/>
      <c r="CE37" s="92"/>
      <c r="CF37" s="92"/>
      <c r="CG37" s="92"/>
      <c r="CH37" s="92"/>
      <c r="CI37" s="92"/>
    </row>
    <row r="38" spans="2:87" ht="12.9" customHeight="1">
      <c r="B38" s="153"/>
      <c r="C38" s="41"/>
      <c r="D38" s="192"/>
      <c r="E38" s="169"/>
      <c r="F38" s="153">
        <v>33</v>
      </c>
      <c r="G38" s="41" t="s">
        <v>158</v>
      </c>
      <c r="H38" s="193"/>
      <c r="I38" s="169"/>
      <c r="J38" s="153">
        <v>307</v>
      </c>
      <c r="K38" s="316" t="s">
        <v>424</v>
      </c>
      <c r="L38" s="193"/>
      <c r="M38" s="92"/>
      <c r="N38"/>
      <c r="O38" s="92"/>
      <c r="P38" s="92"/>
      <c r="Q38" s="92"/>
      <c r="R38" s="92"/>
      <c r="S38" s="92"/>
      <c r="T38" s="92"/>
      <c r="U38" s="92"/>
      <c r="V38" s="92"/>
      <c r="W38" s="92"/>
      <c r="X38" s="92"/>
      <c r="Y38" s="92"/>
      <c r="Z38" s="92"/>
      <c r="AA38" s="92"/>
      <c r="AB38" s="92"/>
      <c r="AC38" s="92"/>
      <c r="AD38" s="92"/>
      <c r="AE38" s="92"/>
      <c r="AF38" s="92"/>
      <c r="AG38" s="92"/>
      <c r="AH38" s="92"/>
      <c r="AI38" s="92"/>
      <c r="AJ38" s="92"/>
      <c r="AK38" s="92"/>
      <c r="AL38" s="92"/>
      <c r="AM38" s="92"/>
      <c r="AN38" s="92"/>
      <c r="AO38" s="92"/>
      <c r="AP38" s="92"/>
      <c r="AQ38" s="92"/>
      <c r="AR38" s="92"/>
      <c r="AS38" s="92"/>
      <c r="AT38" s="92"/>
      <c r="AU38" s="92"/>
      <c r="AV38" s="92"/>
      <c r="AW38" s="92"/>
      <c r="AX38" s="92"/>
      <c r="AY38" s="92"/>
      <c r="AZ38" s="92"/>
      <c r="BA38" s="92"/>
      <c r="BB38" s="92"/>
      <c r="BC38" s="92"/>
      <c r="BD38" s="92"/>
      <c r="BE38" s="92"/>
      <c r="BF38" s="92"/>
      <c r="BG38" s="92"/>
      <c r="BH38" s="92"/>
      <c r="BI38" s="92"/>
      <c r="BJ38" s="92"/>
      <c r="BK38" s="92"/>
      <c r="BL38" s="92"/>
      <c r="BM38" s="92"/>
      <c r="BN38" s="92"/>
      <c r="BO38" s="92"/>
      <c r="BP38" s="92"/>
      <c r="BQ38" s="92"/>
      <c r="BR38" s="92"/>
      <c r="BS38" s="92"/>
      <c r="BT38" s="92"/>
      <c r="BU38" s="92"/>
      <c r="BV38" s="92"/>
      <c r="BW38" s="92"/>
      <c r="BX38" s="92"/>
      <c r="BY38" s="92"/>
      <c r="BZ38" s="92"/>
      <c r="CA38" s="92"/>
      <c r="CB38" s="92"/>
      <c r="CC38" s="92"/>
      <c r="CD38" s="92"/>
      <c r="CE38" s="92"/>
      <c r="CF38" s="92"/>
      <c r="CG38" s="92"/>
      <c r="CH38" s="92"/>
      <c r="CI38" s="92"/>
    </row>
    <row r="39" spans="2:87" ht="12.9" customHeight="1">
      <c r="B39" s="153"/>
      <c r="C39" s="41"/>
      <c r="D39" s="192"/>
      <c r="E39" s="169"/>
      <c r="F39" s="153">
        <v>31</v>
      </c>
      <c r="G39" s="41" t="s">
        <v>147</v>
      </c>
      <c r="H39" s="193"/>
      <c r="I39" s="169"/>
      <c r="J39" s="153">
        <v>309</v>
      </c>
      <c r="K39" s="316" t="s">
        <v>425</v>
      </c>
      <c r="L39" s="193"/>
      <c r="M39" s="92"/>
      <c r="N39" s="92"/>
      <c r="O39" s="92"/>
      <c r="P39" s="92"/>
      <c r="Q39" s="92"/>
      <c r="R39" s="92"/>
      <c r="S39" s="92"/>
      <c r="T39" s="92"/>
      <c r="U39" s="92"/>
      <c r="V39" s="92"/>
      <c r="W39" s="92"/>
      <c r="X39" s="92"/>
      <c r="Y39" s="92"/>
      <c r="Z39" s="92"/>
      <c r="AA39" s="92"/>
      <c r="AB39" s="92"/>
      <c r="AC39" s="92"/>
      <c r="AD39" s="92"/>
      <c r="AE39" s="92"/>
      <c r="AF39" s="92"/>
      <c r="AG39" s="92"/>
      <c r="AH39" s="92"/>
      <c r="AI39" s="92"/>
      <c r="AJ39" s="92"/>
      <c r="AK39" s="92"/>
      <c r="AL39" s="92"/>
      <c r="AM39" s="92"/>
      <c r="AN39" s="92"/>
      <c r="AO39" s="92"/>
      <c r="AP39" s="92"/>
      <c r="AQ39" s="92"/>
      <c r="AR39" s="92"/>
      <c r="AS39" s="92"/>
      <c r="AT39" s="92"/>
      <c r="AU39" s="92"/>
      <c r="AV39" s="92"/>
      <c r="AW39" s="92"/>
      <c r="AX39" s="92"/>
      <c r="AY39" s="92"/>
      <c r="AZ39" s="92"/>
      <c r="BA39" s="92"/>
      <c r="BB39" s="92"/>
      <c r="BC39" s="92"/>
      <c r="BD39" s="92"/>
      <c r="BE39" s="92"/>
      <c r="BF39" s="92"/>
      <c r="BG39" s="92"/>
      <c r="BH39" s="92"/>
      <c r="BI39" s="92"/>
      <c r="BJ39" s="92"/>
      <c r="BK39" s="92"/>
      <c r="BL39" s="92"/>
      <c r="BM39" s="92"/>
      <c r="BN39" s="92"/>
      <c r="BO39" s="92"/>
      <c r="BP39" s="92"/>
      <c r="BQ39" s="92"/>
      <c r="BR39" s="92"/>
      <c r="BS39" s="92"/>
      <c r="BT39" s="92"/>
      <c r="BU39" s="92"/>
      <c r="BV39" s="92"/>
      <c r="BW39" s="92"/>
      <c r="BX39" s="92"/>
      <c r="BY39" s="92"/>
      <c r="BZ39" s="92"/>
      <c r="CA39" s="92"/>
      <c r="CB39" s="92"/>
      <c r="CC39" s="92"/>
      <c r="CD39" s="92"/>
      <c r="CE39" s="92"/>
      <c r="CF39" s="92"/>
      <c r="CG39" s="92"/>
      <c r="CH39" s="92"/>
      <c r="CI39" s="92"/>
    </row>
    <row r="40" spans="2:87" ht="12.9" customHeight="1">
      <c r="B40" s="153"/>
      <c r="C40" s="41"/>
      <c r="D40" s="192"/>
      <c r="E40" s="169"/>
      <c r="F40" s="153">
        <v>26</v>
      </c>
      <c r="G40" s="41" t="s">
        <v>467</v>
      </c>
      <c r="H40" s="193"/>
      <c r="I40" s="169"/>
      <c r="J40" s="153">
        <v>301</v>
      </c>
      <c r="K40" s="316" t="s">
        <v>426</v>
      </c>
      <c r="L40" s="193"/>
      <c r="M40" s="92"/>
      <c r="N40" s="92"/>
      <c r="O40" s="92"/>
      <c r="P40" s="92"/>
      <c r="Q40" s="92"/>
      <c r="R40" s="92"/>
      <c r="S40" s="92"/>
      <c r="T40" s="92"/>
      <c r="U40" s="92"/>
      <c r="V40" s="92"/>
      <c r="W40" s="92"/>
      <c r="X40" s="92"/>
      <c r="Y40" s="92"/>
      <c r="Z40" s="92"/>
      <c r="AA40" s="92"/>
      <c r="AB40" s="92"/>
      <c r="AC40" s="92"/>
      <c r="AD40" s="92"/>
      <c r="AE40" s="92"/>
      <c r="AF40" s="92"/>
      <c r="AG40" s="92"/>
      <c r="AH40" s="92"/>
      <c r="AI40" s="92"/>
      <c r="AJ40" s="92"/>
      <c r="AK40" s="92"/>
      <c r="AL40" s="92"/>
      <c r="AM40" s="92"/>
      <c r="AN40" s="92"/>
      <c r="AO40" s="92"/>
      <c r="AP40" s="92"/>
      <c r="AQ40" s="92"/>
      <c r="AR40" s="92"/>
      <c r="AS40" s="92"/>
      <c r="AT40" s="92"/>
      <c r="AU40" s="92"/>
      <c r="AV40" s="92"/>
      <c r="AW40" s="92"/>
      <c r="AX40" s="92"/>
      <c r="AY40" s="92"/>
      <c r="AZ40" s="92"/>
      <c r="BA40" s="92"/>
      <c r="BB40" s="92"/>
      <c r="BC40" s="92"/>
      <c r="BD40" s="92"/>
      <c r="BE40" s="92"/>
      <c r="BF40" s="92"/>
      <c r="BG40" s="92"/>
      <c r="BH40" s="92"/>
      <c r="BI40" s="92"/>
      <c r="BJ40" s="92"/>
      <c r="BK40" s="92"/>
      <c r="BL40" s="92"/>
      <c r="BM40" s="92"/>
      <c r="BN40" s="92"/>
      <c r="BO40" s="92"/>
      <c r="BP40" s="92"/>
      <c r="BQ40" s="92"/>
      <c r="BR40" s="92"/>
      <c r="BS40" s="92"/>
      <c r="BT40" s="92"/>
      <c r="BU40" s="92"/>
      <c r="BV40" s="92"/>
      <c r="BW40" s="92"/>
      <c r="BX40" s="92"/>
      <c r="BY40" s="92"/>
      <c r="BZ40" s="92"/>
      <c r="CA40" s="92"/>
      <c r="CB40" s="92"/>
      <c r="CC40" s="92"/>
      <c r="CD40" s="92"/>
      <c r="CE40" s="92"/>
      <c r="CF40" s="92"/>
      <c r="CG40" s="92"/>
      <c r="CH40" s="92"/>
      <c r="CI40" s="92"/>
    </row>
    <row r="41" spans="2:87" ht="12.9" customHeight="1">
      <c r="B41" s="40"/>
      <c r="C41" s="41"/>
      <c r="D41" s="192"/>
      <c r="E41" s="169"/>
      <c r="F41" s="153"/>
      <c r="G41" s="41"/>
      <c r="H41" s="193"/>
      <c r="I41" s="169"/>
      <c r="J41" s="153"/>
      <c r="K41" s="41"/>
      <c r="L41" s="193"/>
      <c r="M41" s="92"/>
      <c r="N41" s="92"/>
      <c r="O41" s="92"/>
      <c r="P41" s="92"/>
      <c r="Q41" s="92"/>
      <c r="R41" s="92"/>
      <c r="S41" s="92"/>
      <c r="T41" s="92"/>
      <c r="U41" s="92"/>
      <c r="V41" s="92"/>
      <c r="W41" s="92"/>
      <c r="X41" s="92"/>
      <c r="Y41" s="92"/>
      <c r="Z41" s="92"/>
      <c r="AA41" s="92"/>
      <c r="AB41" s="92"/>
      <c r="AC41" s="92"/>
      <c r="AD41" s="92"/>
      <c r="AE41" s="92"/>
      <c r="AF41" s="92"/>
      <c r="AG41" s="92"/>
      <c r="AH41" s="92"/>
      <c r="AI41" s="92"/>
      <c r="AJ41" s="92"/>
      <c r="AK41" s="92"/>
      <c r="AL41" s="92"/>
      <c r="AM41" s="92"/>
      <c r="AN41" s="92"/>
      <c r="AO41" s="92"/>
      <c r="AP41" s="92"/>
      <c r="AQ41" s="92"/>
      <c r="AR41" s="92"/>
      <c r="AS41" s="92"/>
      <c r="AT41" s="92"/>
      <c r="AU41" s="92"/>
      <c r="AV41" s="92"/>
      <c r="AW41" s="92"/>
      <c r="AX41" s="92"/>
      <c r="AY41" s="92"/>
      <c r="AZ41" s="92"/>
      <c r="BA41" s="92"/>
      <c r="BB41" s="92"/>
      <c r="BC41" s="92"/>
      <c r="BD41" s="92"/>
      <c r="BE41" s="92"/>
      <c r="BF41" s="92"/>
      <c r="BG41" s="92"/>
      <c r="BH41" s="92"/>
      <c r="BI41" s="92"/>
      <c r="BJ41" s="92"/>
      <c r="BK41" s="92"/>
      <c r="BL41" s="92"/>
      <c r="BM41" s="92"/>
      <c r="BN41" s="92"/>
      <c r="BO41" s="92"/>
      <c r="BP41" s="92"/>
      <c r="BQ41" s="92"/>
      <c r="BR41" s="92"/>
      <c r="BS41" s="92"/>
      <c r="BT41" s="92"/>
      <c r="BU41" s="92"/>
      <c r="BV41" s="92"/>
      <c r="BW41" s="92"/>
      <c r="BX41" s="92"/>
      <c r="BY41" s="92"/>
      <c r="BZ41" s="92"/>
      <c r="CA41" s="92"/>
      <c r="CB41" s="92"/>
      <c r="CC41" s="92"/>
      <c r="CD41" s="92"/>
      <c r="CE41" s="92"/>
      <c r="CF41" s="92"/>
      <c r="CG41" s="92"/>
      <c r="CH41" s="92"/>
      <c r="CI41" s="92"/>
    </row>
    <row r="42" spans="2:87" ht="12.9" customHeight="1">
      <c r="B42" s="40"/>
      <c r="C42" s="41"/>
      <c r="D42" s="192"/>
      <c r="E42" s="169"/>
      <c r="F42" s="40"/>
      <c r="G42" s="41"/>
      <c r="H42" s="193"/>
      <c r="I42" s="169"/>
      <c r="J42" s="40"/>
      <c r="K42" s="41"/>
      <c r="L42" s="193"/>
      <c r="M42" s="92"/>
      <c r="N42" s="92"/>
      <c r="O42" s="92"/>
      <c r="P42" s="92"/>
      <c r="Q42" s="92"/>
      <c r="R42" s="92"/>
      <c r="S42" s="92"/>
      <c r="T42" s="92"/>
      <c r="U42" s="92"/>
      <c r="V42" s="92"/>
      <c r="W42" s="92"/>
      <c r="X42" s="92"/>
      <c r="Y42" s="92"/>
      <c r="Z42" s="92"/>
      <c r="AA42" s="92"/>
      <c r="AB42" s="92"/>
      <c r="AC42" s="92"/>
      <c r="AD42" s="92"/>
      <c r="AE42" s="92"/>
      <c r="AF42" s="92"/>
      <c r="AG42" s="92"/>
      <c r="AH42" s="92"/>
      <c r="AI42" s="92"/>
      <c r="AJ42" s="92"/>
      <c r="AK42" s="92"/>
      <c r="AL42" s="92"/>
      <c r="AM42" s="92"/>
      <c r="AN42" s="92"/>
      <c r="AO42" s="92"/>
      <c r="AP42" s="92"/>
      <c r="AQ42" s="92"/>
      <c r="AR42" s="92"/>
      <c r="AS42" s="92"/>
      <c r="AT42" s="92"/>
      <c r="AU42" s="92"/>
      <c r="AV42" s="92"/>
      <c r="AW42" s="92"/>
      <c r="AX42" s="92"/>
      <c r="AY42" s="92"/>
      <c r="AZ42" s="92"/>
      <c r="BA42" s="92"/>
      <c r="BB42" s="92"/>
      <c r="BC42" s="92"/>
      <c r="BD42" s="92"/>
      <c r="BE42" s="92"/>
      <c r="BF42" s="92"/>
      <c r="BG42" s="92"/>
      <c r="BH42" s="92"/>
      <c r="BI42" s="92"/>
      <c r="BJ42" s="92"/>
      <c r="BK42" s="92"/>
      <c r="BL42" s="92"/>
      <c r="BM42" s="92"/>
      <c r="BN42" s="92"/>
      <c r="BO42" s="92"/>
      <c r="BP42" s="92"/>
      <c r="BQ42" s="92"/>
      <c r="BR42" s="92"/>
      <c r="BS42" s="92"/>
      <c r="BT42" s="92"/>
      <c r="BU42" s="92"/>
      <c r="BV42" s="92"/>
      <c r="BW42" s="92"/>
      <c r="BX42" s="92"/>
      <c r="BY42" s="92"/>
      <c r="BZ42" s="92"/>
      <c r="CA42" s="92"/>
      <c r="CB42" s="92"/>
      <c r="CC42" s="92"/>
      <c r="CD42" s="92"/>
      <c r="CE42" s="92"/>
      <c r="CF42" s="92"/>
      <c r="CG42" s="92"/>
      <c r="CH42" s="92"/>
      <c r="CI42" s="92"/>
    </row>
    <row r="43" spans="2:87" ht="12.9" customHeight="1">
      <c r="B43" s="180"/>
      <c r="C43" s="180"/>
      <c r="D43" s="172"/>
      <c r="E43" s="169"/>
      <c r="F43" s="180"/>
      <c r="G43" s="180"/>
      <c r="H43" s="172"/>
      <c r="I43" s="169"/>
      <c r="J43" s="180"/>
      <c r="K43" s="180"/>
      <c r="L43" s="172"/>
      <c r="M43" s="92"/>
      <c r="N43" s="92"/>
      <c r="O43" s="92"/>
      <c r="P43" s="92"/>
      <c r="Q43" s="92"/>
      <c r="R43" s="92"/>
      <c r="S43" s="92"/>
      <c r="T43" s="92"/>
      <c r="U43" s="92"/>
      <c r="V43" s="92"/>
      <c r="W43" s="92"/>
      <c r="X43" s="92"/>
      <c r="Y43" s="92"/>
      <c r="Z43" s="92"/>
      <c r="AA43" s="92"/>
      <c r="AB43" s="92"/>
      <c r="AC43" s="92"/>
      <c r="AD43" s="92"/>
      <c r="AE43" s="92"/>
      <c r="AF43" s="92"/>
      <c r="AG43" s="92"/>
      <c r="AH43" s="92"/>
      <c r="AI43" s="92"/>
      <c r="AJ43" s="92"/>
      <c r="AK43" s="92"/>
      <c r="AL43" s="92"/>
      <c r="AM43" s="92"/>
      <c r="AN43" s="92"/>
      <c r="AO43" s="92"/>
      <c r="AP43" s="92"/>
      <c r="AQ43" s="92"/>
      <c r="AR43" s="92"/>
      <c r="AS43" s="92"/>
      <c r="AT43" s="92"/>
      <c r="AU43" s="92"/>
      <c r="AV43" s="92"/>
      <c r="AW43" s="92"/>
      <c r="AX43" s="92"/>
      <c r="AY43" s="92"/>
      <c r="AZ43" s="92"/>
      <c r="BA43" s="92"/>
      <c r="BB43" s="92"/>
      <c r="BC43" s="92"/>
      <c r="BD43" s="92"/>
      <c r="BE43" s="92"/>
      <c r="BF43" s="92"/>
      <c r="BG43" s="92"/>
      <c r="BH43" s="92"/>
      <c r="BI43" s="92"/>
      <c r="BJ43" s="92"/>
      <c r="BK43" s="92"/>
      <c r="BL43" s="92"/>
      <c r="BM43" s="92"/>
      <c r="BN43" s="92"/>
      <c r="BO43" s="92"/>
      <c r="BP43" s="92"/>
      <c r="BQ43" s="92"/>
      <c r="BR43" s="92"/>
      <c r="BS43" s="92"/>
      <c r="BT43" s="92"/>
      <c r="BU43" s="92"/>
      <c r="BV43" s="92"/>
      <c r="BW43" s="92"/>
      <c r="BX43" s="92"/>
      <c r="BY43" s="92"/>
      <c r="BZ43" s="92"/>
      <c r="CA43" s="92"/>
      <c r="CB43" s="92"/>
      <c r="CC43" s="92"/>
      <c r="CD43" s="92"/>
      <c r="CE43" s="92"/>
      <c r="CF43" s="92"/>
      <c r="CG43" s="92"/>
      <c r="CH43" s="92"/>
      <c r="CI43" s="92"/>
    </row>
    <row r="44" spans="2:87" ht="12.9" customHeight="1">
      <c r="B44" s="165" t="s">
        <v>30</v>
      </c>
      <c r="C44" s="322" t="s">
        <v>409</v>
      </c>
      <c r="D44" s="162"/>
      <c r="E44" s="169"/>
      <c r="F44" s="165" t="s">
        <v>31</v>
      </c>
      <c r="G44" s="397" t="s">
        <v>410</v>
      </c>
      <c r="H44" s="162"/>
      <c r="I44" s="169"/>
      <c r="J44" s="165" t="s">
        <v>32</v>
      </c>
      <c r="K44" s="165" t="s">
        <v>411</v>
      </c>
      <c r="L44" s="162"/>
      <c r="M44" s="92"/>
      <c r="N44" s="92"/>
      <c r="O44" s="92"/>
      <c r="P44" s="92"/>
      <c r="Q44" s="92"/>
      <c r="R44" s="92"/>
      <c r="S44" s="92"/>
      <c r="T44" s="92"/>
      <c r="U44" s="92"/>
      <c r="V44" s="92"/>
      <c r="W44" s="92"/>
      <c r="X44" s="92"/>
      <c r="Y44" s="92"/>
      <c r="Z44" s="92"/>
      <c r="AA44" s="92"/>
      <c r="AB44" s="92"/>
      <c r="AC44" s="92"/>
      <c r="AD44" s="92"/>
      <c r="AE44" s="92"/>
      <c r="AF44" s="92"/>
      <c r="AG44" s="92"/>
      <c r="AH44" s="92"/>
      <c r="AI44" s="92"/>
      <c r="AJ44" s="92"/>
      <c r="AK44" s="92"/>
      <c r="AL44" s="92"/>
      <c r="AM44" s="92"/>
      <c r="AN44" s="92"/>
      <c r="AO44" s="92"/>
      <c r="AP44" s="92"/>
      <c r="AQ44" s="92"/>
      <c r="AR44" s="92"/>
      <c r="AS44" s="92"/>
      <c r="AT44" s="92"/>
      <c r="AU44" s="92"/>
      <c r="AV44" s="92"/>
      <c r="AW44" s="92"/>
      <c r="AX44" s="92"/>
      <c r="AY44" s="92"/>
      <c r="AZ44" s="92"/>
      <c r="BA44" s="92"/>
      <c r="BB44" s="92"/>
      <c r="BC44" s="92"/>
      <c r="BD44" s="92"/>
      <c r="BE44" s="92"/>
      <c r="BF44" s="92"/>
      <c r="BG44" s="92"/>
      <c r="BH44" s="92"/>
      <c r="BI44" s="92"/>
      <c r="BJ44" s="92"/>
      <c r="BK44" s="92"/>
      <c r="BL44" s="92"/>
      <c r="BM44" s="92"/>
      <c r="BN44" s="92"/>
      <c r="BO44" s="92"/>
      <c r="BP44" s="92"/>
      <c r="BQ44" s="92"/>
      <c r="BR44" s="92"/>
      <c r="BS44" s="92"/>
      <c r="BT44" s="92"/>
      <c r="BU44" s="92"/>
      <c r="BV44" s="92"/>
      <c r="BW44" s="92"/>
      <c r="BX44" s="92"/>
      <c r="BY44" s="92"/>
      <c r="BZ44" s="92"/>
      <c r="CA44" s="92"/>
      <c r="CB44" s="92"/>
      <c r="CC44" s="92"/>
      <c r="CD44" s="92"/>
      <c r="CE44" s="92"/>
      <c r="CF44" s="92"/>
      <c r="CG44" s="92"/>
      <c r="CH44" s="92"/>
      <c r="CI44" s="92"/>
    </row>
    <row r="45" spans="2:87" ht="12.9" customHeight="1">
      <c r="B45" s="153">
        <v>6</v>
      </c>
      <c r="C45" s="41" t="s">
        <v>417</v>
      </c>
      <c r="D45" s="193"/>
      <c r="E45" s="169"/>
      <c r="F45" s="153">
        <v>214</v>
      </c>
      <c r="G45" s="41" t="s">
        <v>421</v>
      </c>
      <c r="H45" s="193"/>
      <c r="I45" s="169"/>
      <c r="J45" s="153">
        <v>306</v>
      </c>
      <c r="K45" s="41" t="s">
        <v>413</v>
      </c>
      <c r="L45" s="193"/>
      <c r="M45" s="92"/>
      <c r="N45" s="92"/>
      <c r="O45" s="92"/>
      <c r="P45" s="92"/>
      <c r="Q45" s="92"/>
      <c r="R45" s="92"/>
      <c r="S45" s="92"/>
      <c r="T45" s="92"/>
      <c r="U45" s="92"/>
      <c r="V45" s="92"/>
      <c r="W45" s="92"/>
      <c r="X45" s="92"/>
      <c r="Y45" s="92"/>
      <c r="Z45" s="92"/>
      <c r="AA45" s="92"/>
      <c r="AB45" s="92"/>
      <c r="AC45" s="92"/>
      <c r="AD45" s="92"/>
      <c r="AE45" s="92"/>
      <c r="AF45" s="92"/>
      <c r="AG45" s="92"/>
      <c r="AH45" s="92"/>
      <c r="AI45" s="92"/>
      <c r="AJ45" s="92"/>
      <c r="AK45" s="92"/>
      <c r="AL45" s="92"/>
      <c r="AM45" s="92"/>
      <c r="AN45" s="92"/>
      <c r="AO45" s="92"/>
      <c r="AP45" s="92"/>
      <c r="AQ45" s="92"/>
      <c r="AR45" s="92"/>
      <c r="AS45" s="92"/>
      <c r="AT45" s="92"/>
      <c r="AU45" s="92"/>
      <c r="AV45" s="92"/>
      <c r="AW45" s="92"/>
      <c r="AX45" s="92"/>
      <c r="AY45" s="92"/>
      <c r="AZ45" s="92"/>
      <c r="BA45" s="92"/>
      <c r="BB45" s="92"/>
      <c r="BC45" s="92"/>
      <c r="BD45" s="92"/>
      <c r="BE45" s="92"/>
      <c r="BF45" s="92"/>
      <c r="BG45" s="92"/>
      <c r="BH45" s="92"/>
      <c r="BI45" s="92"/>
      <c r="BJ45" s="92"/>
      <c r="BK45" s="92"/>
      <c r="BL45" s="92"/>
      <c r="BM45" s="92"/>
      <c r="BN45" s="92"/>
      <c r="BO45" s="92"/>
      <c r="BP45" s="92"/>
      <c r="BQ45" s="92"/>
      <c r="BR45" s="92"/>
      <c r="BS45" s="92"/>
      <c r="BT45" s="92"/>
      <c r="BU45" s="92"/>
      <c r="BV45" s="92"/>
      <c r="BW45" s="92"/>
      <c r="BX45" s="92"/>
      <c r="BY45" s="92"/>
      <c r="BZ45" s="92"/>
      <c r="CA45" s="92"/>
      <c r="CB45" s="92"/>
      <c r="CC45" s="92"/>
      <c r="CD45" s="92"/>
      <c r="CE45" s="92"/>
      <c r="CF45" s="92"/>
      <c r="CG45" s="92"/>
      <c r="CH45" s="92"/>
      <c r="CI45" s="92"/>
    </row>
    <row r="46" spans="2:87" ht="12.9" customHeight="1">
      <c r="B46" s="153">
        <v>22</v>
      </c>
      <c r="C46" s="41" t="s">
        <v>418</v>
      </c>
      <c r="D46" s="193"/>
      <c r="E46" s="169"/>
      <c r="F46" s="153">
        <v>201</v>
      </c>
      <c r="G46" s="41" t="s">
        <v>327</v>
      </c>
      <c r="H46" s="193"/>
      <c r="I46" s="169"/>
      <c r="J46" s="153">
        <v>308</v>
      </c>
      <c r="K46" s="41" t="s">
        <v>414</v>
      </c>
      <c r="L46" s="193"/>
      <c r="M46" s="92"/>
      <c r="N46" s="92"/>
      <c r="O46" s="92"/>
      <c r="P46" s="92"/>
      <c r="Q46" s="92"/>
      <c r="R46" s="92"/>
      <c r="S46" s="92"/>
      <c r="T46" s="92"/>
      <c r="U46" s="92"/>
      <c r="V46" s="92"/>
      <c r="W46" s="92"/>
      <c r="X46" s="92"/>
      <c r="Y46" s="92"/>
      <c r="Z46" s="92"/>
      <c r="AA46" s="92"/>
      <c r="AB46" s="92"/>
      <c r="AC46" s="92"/>
      <c r="AD46" s="92"/>
      <c r="AE46" s="92"/>
      <c r="AF46" s="92"/>
      <c r="AG46" s="92"/>
      <c r="AH46" s="92"/>
      <c r="AI46" s="92"/>
      <c r="AJ46" s="92"/>
      <c r="AK46" s="92"/>
      <c r="AL46" s="92"/>
      <c r="AM46" s="92"/>
      <c r="AN46" s="92"/>
      <c r="AO46" s="92"/>
      <c r="AP46" s="92"/>
      <c r="AQ46" s="92"/>
      <c r="AR46" s="92"/>
      <c r="AS46" s="92"/>
      <c r="AT46" s="92"/>
      <c r="AU46" s="92"/>
      <c r="AV46" s="92"/>
      <c r="AW46" s="92"/>
      <c r="AX46" s="92"/>
      <c r="AY46" s="92"/>
      <c r="AZ46" s="92"/>
      <c r="BA46" s="92"/>
      <c r="BB46" s="92"/>
      <c r="BC46" s="92"/>
      <c r="BD46" s="92"/>
      <c r="BE46" s="92"/>
      <c r="BF46" s="92"/>
      <c r="BG46" s="92"/>
      <c r="BH46" s="92"/>
      <c r="BI46" s="92"/>
      <c r="BJ46" s="92"/>
      <c r="BK46" s="92"/>
      <c r="BL46" s="92"/>
      <c r="BM46" s="92"/>
      <c r="BN46" s="92"/>
      <c r="BO46" s="92"/>
      <c r="BP46" s="92"/>
      <c r="BQ46" s="92"/>
      <c r="BR46" s="92"/>
      <c r="BS46" s="92"/>
      <c r="BT46" s="92"/>
      <c r="BU46" s="92"/>
      <c r="BV46" s="92"/>
      <c r="BW46" s="92"/>
      <c r="BX46" s="92"/>
      <c r="BY46" s="92"/>
      <c r="BZ46" s="92"/>
      <c r="CA46" s="92"/>
      <c r="CB46" s="92"/>
      <c r="CC46" s="92"/>
      <c r="CD46" s="92"/>
      <c r="CE46" s="92"/>
      <c r="CF46" s="92"/>
      <c r="CG46" s="92"/>
      <c r="CH46" s="92"/>
      <c r="CI46" s="92"/>
    </row>
    <row r="47" spans="2:87" ht="12.9" customHeight="1">
      <c r="B47" s="153">
        <v>5</v>
      </c>
      <c r="C47" s="41" t="s">
        <v>419</v>
      </c>
      <c r="D47" s="193"/>
      <c r="E47" s="226"/>
      <c r="F47" s="153">
        <v>204</v>
      </c>
      <c r="G47" s="41" t="s">
        <v>329</v>
      </c>
      <c r="H47" s="193"/>
      <c r="I47" s="169"/>
      <c r="J47" s="153">
        <v>102</v>
      </c>
      <c r="K47" s="41" t="s">
        <v>415</v>
      </c>
      <c r="L47" s="193"/>
      <c r="M47" s="92"/>
      <c r="N47" s="92"/>
      <c r="O47" s="92"/>
      <c r="P47" s="92"/>
      <c r="Q47" s="92"/>
      <c r="R47" s="92"/>
      <c r="S47" s="92"/>
      <c r="T47" s="92"/>
      <c r="U47" s="92"/>
      <c r="V47" s="92"/>
      <c r="W47" s="92"/>
      <c r="X47" s="92"/>
      <c r="Y47" s="92"/>
      <c r="Z47" s="92"/>
      <c r="AA47" s="92"/>
      <c r="AB47" s="92"/>
      <c r="AC47" s="92"/>
      <c r="AD47" s="92"/>
      <c r="AE47" s="92"/>
      <c r="AF47" s="92"/>
      <c r="AG47" s="92"/>
      <c r="AH47" s="92"/>
      <c r="AI47" s="92"/>
      <c r="AJ47" s="92"/>
      <c r="AK47" s="92"/>
      <c r="AL47" s="92"/>
      <c r="AM47" s="92"/>
      <c r="AN47" s="92"/>
      <c r="AO47" s="92"/>
      <c r="AP47" s="92"/>
      <c r="AQ47" s="92"/>
      <c r="AR47" s="92"/>
      <c r="AS47" s="92"/>
      <c r="AT47" s="92"/>
      <c r="AU47" s="92"/>
      <c r="AV47" s="92"/>
      <c r="AW47" s="92"/>
      <c r="AX47" s="92"/>
      <c r="AY47" s="92"/>
      <c r="AZ47" s="92"/>
      <c r="BA47" s="92"/>
      <c r="BB47" s="92"/>
      <c r="BC47" s="92"/>
      <c r="BD47" s="92"/>
      <c r="BE47" s="92"/>
      <c r="BF47" s="92"/>
      <c r="BG47" s="92"/>
      <c r="BH47" s="92"/>
      <c r="BI47" s="92"/>
      <c r="BJ47" s="92"/>
      <c r="BK47" s="92"/>
      <c r="BL47" s="92"/>
      <c r="BM47" s="92"/>
      <c r="BN47" s="92"/>
      <c r="BO47" s="92"/>
      <c r="BP47" s="92"/>
      <c r="BQ47" s="92"/>
      <c r="BR47" s="92"/>
      <c r="BS47" s="92"/>
      <c r="BT47" s="92"/>
      <c r="BU47" s="92"/>
      <c r="BV47" s="92"/>
      <c r="BW47" s="92"/>
      <c r="BX47" s="92"/>
      <c r="BY47" s="92"/>
      <c r="BZ47" s="92"/>
      <c r="CA47" s="92"/>
      <c r="CB47" s="92"/>
      <c r="CC47" s="92"/>
      <c r="CD47" s="92"/>
      <c r="CE47" s="92"/>
      <c r="CF47" s="92"/>
      <c r="CG47" s="92"/>
      <c r="CH47" s="92"/>
      <c r="CI47" s="92"/>
    </row>
    <row r="48" spans="2:87" ht="12.9" customHeight="1">
      <c r="B48" s="153">
        <v>25</v>
      </c>
      <c r="C48" s="41" t="s">
        <v>420</v>
      </c>
      <c r="D48" s="193"/>
      <c r="E48" s="226"/>
      <c r="F48" s="153">
        <v>215</v>
      </c>
      <c r="G48" s="227" t="s">
        <v>422</v>
      </c>
      <c r="H48" s="238"/>
      <c r="I48" s="226"/>
      <c r="J48" s="295">
        <v>106</v>
      </c>
      <c r="K48" s="133" t="s">
        <v>416</v>
      </c>
      <c r="L48" s="193"/>
      <c r="M48" s="92"/>
      <c r="N48" s="92"/>
      <c r="O48" s="92"/>
      <c r="P48" s="92"/>
      <c r="Q48" s="92"/>
      <c r="R48" s="92"/>
      <c r="S48" s="92"/>
      <c r="T48" s="92"/>
      <c r="U48" s="92"/>
      <c r="V48" s="92"/>
      <c r="W48" s="92"/>
      <c r="X48" s="92"/>
      <c r="Y48" s="92"/>
      <c r="Z48" s="92"/>
      <c r="AA48" s="92"/>
      <c r="AB48" s="92"/>
      <c r="AC48" s="92"/>
      <c r="AD48" s="92"/>
      <c r="AE48" s="92"/>
      <c r="AF48" s="92"/>
      <c r="AG48" s="92"/>
      <c r="AH48" s="92"/>
      <c r="AI48" s="92"/>
      <c r="AJ48" s="92"/>
      <c r="AK48" s="92"/>
      <c r="AL48" s="92"/>
      <c r="AM48" s="92"/>
      <c r="AN48" s="92"/>
      <c r="AO48" s="92"/>
      <c r="AP48" s="92"/>
      <c r="AQ48" s="92"/>
      <c r="AR48" s="92"/>
      <c r="AS48" s="92"/>
      <c r="AT48" s="92"/>
      <c r="AU48" s="92"/>
      <c r="AV48" s="92"/>
      <c r="AW48" s="92"/>
      <c r="AX48" s="92"/>
      <c r="AY48" s="92"/>
      <c r="AZ48" s="92"/>
      <c r="BA48" s="92"/>
      <c r="BB48" s="92"/>
      <c r="BC48" s="92"/>
      <c r="BD48" s="92"/>
      <c r="BE48" s="92"/>
      <c r="BF48" s="92"/>
      <c r="BG48" s="92"/>
      <c r="BH48" s="92"/>
      <c r="BI48" s="92"/>
      <c r="BJ48" s="92"/>
      <c r="BK48" s="92"/>
      <c r="BL48" s="92"/>
      <c r="BM48" s="92"/>
      <c r="BN48" s="92"/>
      <c r="BO48" s="92"/>
      <c r="BP48" s="92"/>
      <c r="BQ48" s="92"/>
      <c r="BR48" s="92"/>
      <c r="BS48" s="92"/>
      <c r="BT48" s="92"/>
      <c r="BU48" s="92"/>
      <c r="BV48" s="92"/>
      <c r="BW48" s="92"/>
      <c r="BX48" s="92"/>
      <c r="BY48" s="92"/>
      <c r="BZ48" s="92"/>
      <c r="CA48" s="92"/>
      <c r="CB48" s="92"/>
      <c r="CC48" s="92"/>
      <c r="CD48" s="92"/>
      <c r="CE48" s="92"/>
      <c r="CF48" s="92"/>
      <c r="CG48" s="92"/>
      <c r="CH48" s="92"/>
      <c r="CI48" s="92"/>
    </row>
    <row r="49" spans="2:87" ht="12.9" customHeight="1">
      <c r="B49" s="153"/>
      <c r="C49" s="41"/>
      <c r="D49" s="193"/>
      <c r="E49" s="169"/>
      <c r="F49" s="153"/>
      <c r="G49" s="154"/>
      <c r="H49" s="178"/>
      <c r="I49" s="169"/>
      <c r="J49" s="50"/>
      <c r="K49" s="133"/>
      <c r="L49" s="193"/>
      <c r="M49" s="92"/>
      <c r="N49" s="92"/>
      <c r="O49" s="92"/>
      <c r="P49" s="92"/>
      <c r="Q49" s="92"/>
      <c r="R49" s="92"/>
      <c r="S49" s="92"/>
      <c r="T49" s="92"/>
      <c r="U49" s="92"/>
      <c r="V49" s="92"/>
      <c r="W49" s="92"/>
      <c r="X49" s="92"/>
      <c r="Y49" s="92"/>
      <c r="Z49" s="92"/>
      <c r="AA49" s="92"/>
      <c r="AB49" s="92"/>
      <c r="AC49" s="92"/>
      <c r="AD49" s="92"/>
      <c r="AE49" s="92"/>
      <c r="AF49" s="92"/>
      <c r="AG49" s="92"/>
      <c r="AH49" s="92"/>
      <c r="AI49" s="92"/>
      <c r="AJ49" s="92"/>
      <c r="AK49" s="92"/>
      <c r="AL49" s="92"/>
      <c r="AM49" s="92"/>
      <c r="AN49" s="92"/>
      <c r="AO49" s="92"/>
      <c r="AP49" s="92"/>
      <c r="AQ49" s="92"/>
      <c r="AR49" s="92"/>
      <c r="AS49" s="92"/>
      <c r="AT49" s="92"/>
      <c r="AU49" s="92"/>
      <c r="AV49" s="92"/>
      <c r="AW49" s="92"/>
      <c r="AX49" s="92"/>
      <c r="AY49" s="92"/>
      <c r="AZ49" s="92"/>
      <c r="BA49" s="92"/>
      <c r="BB49" s="92"/>
      <c r="BC49" s="92"/>
      <c r="BD49" s="92"/>
      <c r="BE49" s="92"/>
      <c r="BF49" s="92"/>
      <c r="BG49" s="92"/>
      <c r="BH49" s="92"/>
      <c r="BI49" s="92"/>
      <c r="BJ49" s="92"/>
      <c r="BK49" s="92"/>
      <c r="BL49" s="92"/>
      <c r="BM49" s="92"/>
      <c r="BN49" s="92"/>
      <c r="BO49" s="92"/>
      <c r="BP49" s="92"/>
      <c r="BQ49" s="92"/>
      <c r="BR49" s="92"/>
      <c r="BS49" s="92"/>
      <c r="BT49" s="92"/>
      <c r="BU49" s="92"/>
      <c r="BV49" s="92"/>
      <c r="BW49" s="92"/>
      <c r="BX49" s="92"/>
      <c r="BY49" s="92"/>
      <c r="BZ49" s="92"/>
      <c r="CA49" s="92"/>
      <c r="CB49" s="92"/>
      <c r="CC49" s="92"/>
      <c r="CD49" s="92"/>
      <c r="CE49" s="92"/>
      <c r="CF49" s="92"/>
      <c r="CG49" s="92"/>
      <c r="CH49" s="92"/>
      <c r="CI49" s="92"/>
    </row>
    <row r="50" spans="2:87" ht="12.9" customHeight="1">
      <c r="B50" s="40"/>
      <c r="C50" s="41"/>
      <c r="D50" s="193"/>
      <c r="E50" s="169"/>
      <c r="F50" s="153"/>
      <c r="G50" s="41"/>
      <c r="H50" s="193"/>
      <c r="I50" s="169"/>
      <c r="J50" s="40"/>
      <c r="K50" s="41"/>
      <c r="L50" s="192"/>
      <c r="M50" s="92"/>
      <c r="N50" s="92"/>
      <c r="O50" s="92"/>
      <c r="P50" s="92"/>
      <c r="Q50" s="92"/>
      <c r="R50" s="92"/>
      <c r="S50" s="92"/>
      <c r="T50" s="92"/>
      <c r="U50" s="92"/>
      <c r="V50" s="92"/>
      <c r="W50" s="92"/>
      <c r="X50" s="92"/>
      <c r="Y50" s="92"/>
      <c r="Z50" s="92"/>
      <c r="AA50" s="92"/>
      <c r="AB50" s="92"/>
      <c r="AC50" s="92"/>
      <c r="AD50" s="92"/>
      <c r="AE50" s="92"/>
      <c r="AF50" s="92"/>
      <c r="AG50" s="92"/>
      <c r="AH50" s="92"/>
      <c r="AI50" s="92"/>
      <c r="AJ50" s="92"/>
      <c r="AK50" s="92"/>
      <c r="AL50" s="92"/>
      <c r="AM50" s="92"/>
      <c r="AN50" s="92"/>
      <c r="AO50" s="92"/>
      <c r="AP50" s="92"/>
      <c r="AQ50" s="92"/>
      <c r="AR50" s="92"/>
      <c r="AS50" s="92"/>
      <c r="AT50" s="92"/>
      <c r="AU50" s="92"/>
      <c r="AV50" s="92"/>
      <c r="AW50" s="92"/>
      <c r="AX50" s="92"/>
      <c r="AY50" s="92"/>
      <c r="AZ50" s="92"/>
      <c r="BA50" s="92"/>
      <c r="BB50" s="92"/>
      <c r="BC50" s="92"/>
      <c r="BD50" s="92"/>
      <c r="BE50" s="92"/>
      <c r="BF50" s="92"/>
      <c r="BG50" s="92"/>
      <c r="BH50" s="92"/>
      <c r="BI50" s="92"/>
      <c r="BJ50" s="92"/>
      <c r="BK50" s="92"/>
      <c r="BL50" s="92"/>
      <c r="BM50" s="92"/>
      <c r="BN50" s="92"/>
      <c r="BO50" s="92"/>
      <c r="BP50" s="92"/>
      <c r="BQ50" s="92"/>
      <c r="BR50" s="92"/>
      <c r="BS50" s="92"/>
      <c r="BT50" s="92"/>
      <c r="BU50" s="92"/>
      <c r="BV50" s="92"/>
      <c r="BW50" s="92"/>
      <c r="BX50" s="92"/>
      <c r="BY50" s="92"/>
      <c r="BZ50" s="92"/>
      <c r="CA50" s="92"/>
      <c r="CB50" s="92"/>
      <c r="CC50" s="92"/>
      <c r="CD50" s="92"/>
      <c r="CE50" s="92"/>
      <c r="CF50" s="92"/>
      <c r="CG50" s="92"/>
      <c r="CH50" s="92"/>
      <c r="CI50" s="92"/>
    </row>
    <row r="51" spans="2:87" ht="12.9" customHeight="1">
      <c r="B51" s="158"/>
      <c r="C51" s="180"/>
      <c r="D51" s="172"/>
      <c r="E51" s="169"/>
      <c r="F51" s="180"/>
      <c r="G51" s="180"/>
      <c r="H51" s="172"/>
      <c r="I51" s="169"/>
      <c r="J51" s="158"/>
      <c r="K51" s="158"/>
      <c r="L51" s="156"/>
      <c r="M51" s="92"/>
      <c r="N51" s="92"/>
      <c r="O51" s="92"/>
      <c r="P51" s="92"/>
      <c r="Q51" s="92"/>
      <c r="R51" s="92"/>
      <c r="S51" s="92"/>
      <c r="T51" s="92"/>
      <c r="U51" s="92"/>
      <c r="V51" s="92"/>
      <c r="W51" s="92"/>
      <c r="X51" s="92"/>
      <c r="Y51" s="92"/>
      <c r="Z51" s="92"/>
      <c r="AA51" s="92"/>
      <c r="AB51" s="92"/>
      <c r="AC51" s="92"/>
      <c r="AD51" s="92"/>
      <c r="AE51" s="92"/>
      <c r="AF51" s="92"/>
      <c r="AG51" s="92"/>
      <c r="AH51" s="92"/>
      <c r="AI51" s="92"/>
      <c r="AJ51" s="92"/>
      <c r="AK51" s="92"/>
      <c r="AL51" s="92"/>
      <c r="AM51" s="92"/>
      <c r="AN51" s="92"/>
      <c r="AO51" s="92"/>
      <c r="AP51" s="92"/>
      <c r="AQ51" s="92"/>
      <c r="AR51" s="92"/>
      <c r="AS51" s="92"/>
      <c r="AT51" s="92"/>
      <c r="AU51" s="92"/>
      <c r="AV51" s="92"/>
      <c r="AW51" s="92"/>
      <c r="AX51" s="92"/>
      <c r="AY51" s="92"/>
      <c r="AZ51" s="92"/>
      <c r="BA51" s="92"/>
      <c r="BB51" s="92"/>
      <c r="BC51" s="92"/>
      <c r="BD51" s="92"/>
      <c r="BE51" s="92"/>
      <c r="BF51" s="92"/>
      <c r="BG51" s="92"/>
      <c r="BH51" s="92"/>
      <c r="BI51" s="92"/>
      <c r="BJ51" s="92"/>
      <c r="BK51" s="92"/>
      <c r="BL51" s="92"/>
      <c r="BM51" s="92"/>
      <c r="BN51" s="92"/>
      <c r="BO51" s="92"/>
      <c r="BP51" s="92"/>
      <c r="BQ51" s="92"/>
      <c r="BR51" s="92"/>
      <c r="BS51" s="92"/>
      <c r="BT51" s="92"/>
      <c r="BU51" s="92"/>
      <c r="BV51" s="92"/>
      <c r="BW51" s="92"/>
      <c r="BX51" s="92"/>
      <c r="BY51" s="92"/>
      <c r="BZ51" s="92"/>
      <c r="CA51" s="92"/>
      <c r="CB51" s="92"/>
      <c r="CC51" s="92"/>
      <c r="CD51" s="92"/>
      <c r="CE51" s="92"/>
      <c r="CF51" s="92"/>
      <c r="CG51" s="92"/>
      <c r="CH51" s="92"/>
      <c r="CI51" s="92"/>
    </row>
    <row r="52" spans="2:87" ht="12.9" customHeight="1">
      <c r="B52" s="165" t="s">
        <v>33</v>
      </c>
      <c r="C52" s="165"/>
      <c r="D52" s="162"/>
      <c r="E52" s="157"/>
      <c r="F52" s="394" t="s">
        <v>5</v>
      </c>
      <c r="G52" s="395" t="s">
        <v>34</v>
      </c>
      <c r="I52" s="394"/>
      <c r="J52" s="394" t="s">
        <v>429</v>
      </c>
      <c r="K52" s="158"/>
      <c r="L52" s="156"/>
      <c r="M52" s="92"/>
      <c r="N52" s="92"/>
      <c r="O52" s="92"/>
      <c r="P52" s="92"/>
      <c r="Q52" s="92"/>
      <c r="R52" s="92"/>
      <c r="S52" s="92"/>
      <c r="T52" s="92"/>
      <c r="U52" s="92"/>
      <c r="V52" s="92"/>
      <c r="W52" s="92"/>
      <c r="X52" s="92"/>
      <c r="Y52" s="92"/>
      <c r="Z52" s="92"/>
      <c r="AA52" s="92"/>
      <c r="AB52" s="92"/>
      <c r="AC52" s="92"/>
      <c r="AD52" s="92"/>
      <c r="AE52" s="92"/>
      <c r="AF52" s="92"/>
      <c r="AG52" s="92"/>
      <c r="AH52" s="92"/>
      <c r="AI52" s="92"/>
      <c r="AJ52" s="92"/>
      <c r="AK52" s="92"/>
      <c r="AL52" s="92"/>
      <c r="AM52" s="92"/>
      <c r="AN52" s="92"/>
      <c r="AO52" s="92"/>
      <c r="AP52" s="92"/>
      <c r="AQ52" s="92"/>
      <c r="AR52" s="92"/>
      <c r="AS52" s="92"/>
      <c r="AT52" s="92"/>
      <c r="AU52" s="92"/>
      <c r="AV52" s="92"/>
      <c r="AW52" s="92"/>
      <c r="AX52" s="92"/>
      <c r="AY52" s="92"/>
      <c r="AZ52" s="92"/>
      <c r="BA52" s="92"/>
      <c r="BB52" s="92"/>
      <c r="BC52" s="92"/>
      <c r="BD52" s="92"/>
      <c r="BE52" s="92"/>
      <c r="BF52" s="92"/>
      <c r="BG52" s="92"/>
      <c r="BH52" s="92"/>
      <c r="BI52" s="92"/>
      <c r="BJ52" s="92"/>
      <c r="BK52" s="92"/>
      <c r="BL52" s="92"/>
      <c r="BM52" s="92"/>
      <c r="BN52" s="92"/>
      <c r="BO52" s="92"/>
      <c r="BP52" s="92"/>
      <c r="BQ52" s="92"/>
      <c r="BR52" s="92"/>
      <c r="BS52" s="92"/>
      <c r="BT52" s="92"/>
      <c r="BU52" s="92"/>
      <c r="BV52" s="92"/>
      <c r="BW52" s="92"/>
      <c r="BX52" s="92"/>
      <c r="BY52" s="92"/>
      <c r="BZ52" s="92"/>
      <c r="CA52" s="92"/>
      <c r="CB52" s="92"/>
      <c r="CC52" s="92"/>
      <c r="CD52" s="92"/>
      <c r="CE52" s="92"/>
      <c r="CF52" s="92"/>
      <c r="CG52" s="92"/>
      <c r="CH52" s="92"/>
      <c r="CI52" s="92"/>
    </row>
    <row r="53" spans="2:87" ht="12.9" customHeight="1">
      <c r="B53" s="153"/>
      <c r="C53" s="41"/>
      <c r="D53" s="193"/>
      <c r="E53" s="157"/>
      <c r="F53" s="366">
        <v>1</v>
      </c>
      <c r="G53" s="457" t="s">
        <v>430</v>
      </c>
      <c r="H53" s="457"/>
      <c r="I53" s="457"/>
      <c r="J53" s="366" t="s">
        <v>427</v>
      </c>
      <c r="K53" s="158"/>
      <c r="L53" s="156"/>
      <c r="M53" s="92"/>
      <c r="S53" s="92"/>
      <c r="T53" s="92"/>
      <c r="U53" s="92"/>
      <c r="V53" s="92"/>
      <c r="W53" s="92"/>
      <c r="X53" s="92"/>
      <c r="Y53" s="92"/>
      <c r="Z53" s="92"/>
      <c r="AA53" s="92"/>
      <c r="AB53" s="92"/>
      <c r="AC53" s="92"/>
      <c r="AD53" s="92"/>
      <c r="AE53" s="92"/>
      <c r="AF53" s="92"/>
      <c r="AG53" s="92"/>
      <c r="AH53" s="92"/>
      <c r="AI53" s="92"/>
      <c r="AJ53" s="92"/>
      <c r="AK53" s="92"/>
      <c r="AL53" s="92"/>
      <c r="AM53" s="92"/>
      <c r="AN53" s="92"/>
      <c r="AO53" s="92"/>
      <c r="AP53" s="92"/>
      <c r="AQ53" s="92"/>
      <c r="AR53" s="92"/>
      <c r="AS53" s="92"/>
      <c r="AT53" s="92"/>
      <c r="AU53" s="92"/>
      <c r="AV53" s="92"/>
      <c r="AW53" s="92"/>
      <c r="AX53" s="92"/>
      <c r="AY53" s="92"/>
      <c r="AZ53" s="92"/>
      <c r="BA53" s="92"/>
      <c r="BB53" s="92"/>
      <c r="BC53" s="92"/>
      <c r="BD53" s="92"/>
      <c r="BE53" s="92"/>
      <c r="BF53" s="92"/>
      <c r="BG53" s="92"/>
      <c r="BH53" s="92"/>
      <c r="BI53" s="92"/>
      <c r="BJ53" s="92"/>
      <c r="BK53" s="92"/>
      <c r="BL53" s="92"/>
      <c r="BM53" s="92"/>
      <c r="BN53" s="92"/>
      <c r="BO53" s="92"/>
      <c r="BP53" s="92"/>
      <c r="BQ53" s="92"/>
      <c r="BR53" s="92"/>
      <c r="BS53" s="92"/>
      <c r="BT53" s="92"/>
      <c r="BU53" s="92"/>
      <c r="BV53" s="92"/>
      <c r="BW53" s="92"/>
      <c r="BX53" s="92"/>
      <c r="BY53" s="92"/>
      <c r="BZ53" s="92"/>
      <c r="CA53" s="92"/>
      <c r="CB53" s="92"/>
      <c r="CC53" s="92"/>
      <c r="CD53" s="92"/>
      <c r="CE53" s="92"/>
      <c r="CF53" s="92"/>
      <c r="CG53" s="92"/>
      <c r="CH53" s="92"/>
      <c r="CI53" s="92"/>
    </row>
    <row r="54" spans="2:87" ht="12.9" customHeight="1">
      <c r="B54" s="153"/>
      <c r="C54" s="41"/>
      <c r="D54" s="193"/>
      <c r="E54" s="157"/>
      <c r="F54" s="176">
        <v>2</v>
      </c>
      <c r="G54" s="456" t="s">
        <v>431</v>
      </c>
      <c r="H54" s="456"/>
      <c r="I54" s="456"/>
      <c r="J54" s="366" t="s">
        <v>427</v>
      </c>
      <c r="K54" s="158"/>
      <c r="L54" s="156"/>
      <c r="M54" s="92"/>
      <c r="S54" s="92"/>
      <c r="T54" s="92"/>
      <c r="U54" s="92"/>
      <c r="V54" s="92"/>
      <c r="W54" s="92"/>
      <c r="X54" s="92"/>
      <c r="Y54" s="92"/>
      <c r="Z54" s="92"/>
      <c r="AA54" s="92"/>
      <c r="AB54" s="92"/>
      <c r="AC54" s="92"/>
      <c r="AD54" s="92"/>
      <c r="AE54" s="92"/>
      <c r="AF54" s="92"/>
      <c r="AG54" s="92"/>
      <c r="AH54" s="92"/>
      <c r="AI54" s="92"/>
      <c r="AJ54" s="92"/>
      <c r="AK54" s="92"/>
      <c r="AL54" s="92"/>
      <c r="AM54" s="92"/>
      <c r="AN54" s="92"/>
      <c r="AO54" s="92"/>
      <c r="AP54" s="92"/>
      <c r="AQ54" s="92"/>
      <c r="AR54" s="92"/>
      <c r="AS54" s="92"/>
      <c r="AT54" s="92"/>
      <c r="AU54" s="92"/>
      <c r="AV54" s="92"/>
      <c r="AW54" s="92"/>
      <c r="AX54" s="92"/>
      <c r="AY54" s="92"/>
      <c r="AZ54" s="92"/>
      <c r="BA54" s="92"/>
      <c r="BB54" s="92"/>
      <c r="BC54" s="92"/>
      <c r="BD54" s="92"/>
      <c r="BE54" s="92"/>
      <c r="BF54" s="92"/>
      <c r="BG54" s="92"/>
      <c r="BH54" s="92"/>
      <c r="BI54" s="92"/>
      <c r="BJ54" s="92"/>
      <c r="BK54" s="92"/>
      <c r="BL54" s="92"/>
      <c r="BM54" s="92"/>
      <c r="BN54" s="92"/>
      <c r="BO54" s="92"/>
      <c r="BP54" s="92"/>
      <c r="BQ54" s="92"/>
      <c r="BR54" s="92"/>
      <c r="BS54" s="92"/>
      <c r="BT54" s="92"/>
      <c r="BU54" s="92"/>
      <c r="BV54" s="92"/>
      <c r="BW54" s="92"/>
      <c r="BX54" s="92"/>
      <c r="BY54" s="92"/>
      <c r="BZ54" s="92"/>
      <c r="CA54" s="92"/>
      <c r="CB54" s="92"/>
      <c r="CC54" s="92"/>
      <c r="CD54" s="92"/>
      <c r="CE54" s="92"/>
      <c r="CF54" s="92"/>
      <c r="CG54" s="92"/>
      <c r="CH54" s="92"/>
      <c r="CI54" s="92"/>
    </row>
    <row r="55" spans="2:87" ht="12.9" customHeight="1">
      <c r="B55" s="153"/>
      <c r="C55" s="41"/>
      <c r="D55" s="193"/>
      <c r="E55" s="157"/>
      <c r="F55" s="176">
        <v>3</v>
      </c>
      <c r="G55" s="456" t="s">
        <v>432</v>
      </c>
      <c r="H55" s="456"/>
      <c r="I55" s="456"/>
      <c r="J55" s="366" t="s">
        <v>428</v>
      </c>
      <c r="K55" s="158"/>
      <c r="L55" s="156"/>
      <c r="M55" s="92"/>
      <c r="S55" s="92"/>
      <c r="T55" s="92"/>
      <c r="U55" s="92"/>
      <c r="V55" s="92"/>
      <c r="W55" s="92"/>
      <c r="X55" s="92"/>
      <c r="Y55" s="92"/>
      <c r="Z55" s="92"/>
      <c r="AA55" s="92"/>
      <c r="AB55" s="92"/>
      <c r="AC55" s="92"/>
      <c r="AD55" s="92"/>
      <c r="AE55" s="92"/>
      <c r="AF55" s="92"/>
      <c r="AG55" s="92"/>
      <c r="AH55" s="92"/>
      <c r="AI55" s="92"/>
      <c r="AJ55" s="92"/>
      <c r="AK55" s="92"/>
      <c r="AL55" s="92"/>
      <c r="AM55" s="92"/>
      <c r="AN55" s="92"/>
      <c r="AO55" s="92"/>
      <c r="AP55" s="92"/>
      <c r="AQ55" s="92"/>
      <c r="AR55" s="92"/>
      <c r="AS55" s="92"/>
      <c r="AT55" s="92"/>
      <c r="AU55" s="92"/>
      <c r="AV55" s="92"/>
      <c r="AW55" s="92"/>
      <c r="AX55" s="92"/>
      <c r="AY55" s="92"/>
      <c r="AZ55" s="92"/>
      <c r="BA55" s="92"/>
      <c r="BB55" s="92"/>
      <c r="BC55" s="92"/>
      <c r="BD55" s="92"/>
      <c r="BE55" s="92"/>
      <c r="BF55" s="92"/>
      <c r="BG55" s="92"/>
      <c r="BH55" s="92"/>
      <c r="BI55" s="92"/>
      <c r="BJ55" s="92"/>
      <c r="BK55" s="92"/>
      <c r="BL55" s="92"/>
      <c r="BM55" s="92"/>
      <c r="BN55" s="92"/>
      <c r="BO55" s="92"/>
      <c r="BP55" s="92"/>
      <c r="BQ55" s="92"/>
      <c r="BR55" s="92"/>
      <c r="BS55" s="92"/>
      <c r="BT55" s="92"/>
      <c r="BU55" s="92"/>
      <c r="BV55" s="92"/>
      <c r="BW55" s="92"/>
      <c r="BX55" s="92"/>
      <c r="BY55" s="92"/>
      <c r="BZ55" s="92"/>
      <c r="CA55" s="92"/>
      <c r="CB55" s="92"/>
      <c r="CC55" s="92"/>
      <c r="CD55" s="92"/>
      <c r="CE55" s="92"/>
      <c r="CF55" s="92"/>
      <c r="CG55" s="92"/>
      <c r="CH55" s="92"/>
      <c r="CI55" s="92"/>
    </row>
    <row r="56" spans="2:87" ht="12.9" customHeight="1">
      <c r="B56" s="153"/>
      <c r="C56" s="41"/>
      <c r="D56" s="193"/>
      <c r="E56" s="157"/>
      <c r="F56" s="176">
        <v>4</v>
      </c>
      <c r="G56" s="455" t="s">
        <v>433</v>
      </c>
      <c r="H56" s="455"/>
      <c r="I56" s="455"/>
      <c r="J56" s="366" t="s">
        <v>435</v>
      </c>
      <c r="K56" s="158"/>
      <c r="L56" s="156"/>
      <c r="M56" s="92"/>
      <c r="S56" s="92"/>
      <c r="T56" s="92"/>
      <c r="U56" s="92"/>
      <c r="V56" s="92"/>
      <c r="W56" s="92"/>
      <c r="X56" s="92"/>
      <c r="Y56" s="92"/>
      <c r="Z56" s="92"/>
      <c r="AA56" s="92"/>
      <c r="AB56" s="92"/>
      <c r="AC56" s="92"/>
      <c r="AD56" s="92"/>
      <c r="AE56" s="92"/>
      <c r="AF56" s="92"/>
      <c r="AG56" s="92"/>
      <c r="AH56" s="92"/>
      <c r="AI56" s="92"/>
      <c r="AJ56" s="92"/>
      <c r="AK56" s="92"/>
      <c r="AL56" s="92"/>
      <c r="AM56" s="92"/>
      <c r="AN56" s="92"/>
      <c r="AO56" s="92"/>
      <c r="AP56" s="92"/>
      <c r="AQ56" s="92"/>
      <c r="AR56" s="92"/>
      <c r="AS56" s="92"/>
      <c r="AT56" s="92"/>
      <c r="AU56" s="92"/>
      <c r="AV56" s="92"/>
      <c r="AW56" s="92"/>
      <c r="AX56" s="92"/>
      <c r="AY56" s="92"/>
      <c r="AZ56" s="92"/>
      <c r="BA56" s="92"/>
      <c r="BB56" s="92"/>
      <c r="BC56" s="92"/>
      <c r="BD56" s="92"/>
      <c r="BE56" s="92"/>
      <c r="BF56" s="92"/>
      <c r="BG56" s="92"/>
      <c r="BH56" s="92"/>
      <c r="BI56" s="92"/>
      <c r="BJ56" s="92"/>
      <c r="BK56" s="92"/>
      <c r="BL56" s="92"/>
      <c r="BM56" s="92"/>
      <c r="BN56" s="92"/>
      <c r="BO56" s="92"/>
      <c r="BP56" s="92"/>
      <c r="BQ56" s="92"/>
      <c r="BR56" s="92"/>
      <c r="BS56" s="92"/>
      <c r="BT56" s="92"/>
      <c r="BU56" s="92"/>
      <c r="BV56" s="92"/>
      <c r="BW56" s="92"/>
      <c r="BX56" s="92"/>
      <c r="BY56" s="92"/>
      <c r="BZ56" s="92"/>
      <c r="CA56" s="92"/>
      <c r="CB56" s="92"/>
      <c r="CC56" s="92"/>
      <c r="CD56" s="92"/>
      <c r="CE56" s="92"/>
      <c r="CF56" s="92"/>
      <c r="CG56" s="92"/>
      <c r="CH56" s="92"/>
      <c r="CI56" s="92"/>
    </row>
    <row r="57" spans="2:87" ht="12.9" customHeight="1">
      <c r="B57" s="40"/>
      <c r="C57" s="41"/>
      <c r="D57" s="193"/>
      <c r="E57" s="157"/>
      <c r="F57" s="176">
        <v>5</v>
      </c>
      <c r="G57" s="455" t="s">
        <v>434</v>
      </c>
      <c r="H57" s="455"/>
      <c r="I57" s="455"/>
      <c r="J57" s="366" t="s">
        <v>436</v>
      </c>
      <c r="K57" s="158"/>
      <c r="L57" s="156"/>
      <c r="M57" s="92"/>
      <c r="S57" s="92"/>
      <c r="T57" s="92"/>
      <c r="U57" s="92"/>
      <c r="V57" s="92"/>
      <c r="W57" s="92"/>
      <c r="X57" s="92"/>
      <c r="Y57" s="92"/>
      <c r="Z57" s="92"/>
      <c r="AA57" s="92"/>
      <c r="AB57" s="92"/>
      <c r="AC57" s="92"/>
      <c r="AD57" s="92"/>
      <c r="AE57" s="92"/>
      <c r="AF57" s="92"/>
      <c r="AG57" s="92"/>
      <c r="AH57" s="92"/>
      <c r="AI57" s="92"/>
      <c r="AJ57" s="92"/>
      <c r="AK57" s="92"/>
      <c r="AL57" s="92"/>
      <c r="AM57" s="92"/>
      <c r="AN57" s="92"/>
      <c r="AO57" s="92"/>
      <c r="AP57" s="92"/>
      <c r="AQ57" s="92"/>
      <c r="AR57" s="92"/>
      <c r="AS57" s="92"/>
      <c r="AT57" s="92"/>
      <c r="AU57" s="92"/>
      <c r="AV57" s="92"/>
      <c r="AW57" s="92"/>
      <c r="AX57" s="92"/>
      <c r="AY57" s="92"/>
      <c r="AZ57" s="92"/>
      <c r="BA57" s="92"/>
      <c r="BB57" s="92"/>
      <c r="BC57" s="92"/>
      <c r="BD57" s="92"/>
      <c r="BE57" s="92"/>
      <c r="BF57" s="92"/>
      <c r="BG57" s="92"/>
      <c r="BH57" s="92"/>
      <c r="BI57" s="92"/>
      <c r="BJ57" s="92"/>
      <c r="BK57" s="92"/>
      <c r="BL57" s="92"/>
      <c r="BM57" s="92"/>
      <c r="BN57" s="92"/>
      <c r="BO57" s="92"/>
      <c r="BP57" s="92"/>
      <c r="BQ57" s="92"/>
      <c r="BR57" s="92"/>
      <c r="BS57" s="92"/>
      <c r="BT57" s="92"/>
      <c r="BU57" s="92"/>
      <c r="BV57" s="92"/>
      <c r="BW57" s="92"/>
      <c r="BX57" s="92"/>
      <c r="BY57" s="92"/>
      <c r="BZ57" s="92"/>
      <c r="CA57" s="92"/>
      <c r="CB57" s="92"/>
      <c r="CC57" s="92"/>
      <c r="CD57" s="92"/>
      <c r="CE57" s="92"/>
      <c r="CF57" s="92"/>
      <c r="CG57" s="92"/>
      <c r="CH57" s="92"/>
      <c r="CI57" s="92"/>
    </row>
    <row r="58" spans="2:87" ht="12.9" customHeight="1">
      <c r="B58" s="40"/>
      <c r="C58" s="41"/>
      <c r="D58" s="193"/>
      <c r="E58" s="157"/>
      <c r="F58" s="176">
        <v>6</v>
      </c>
      <c r="G58" s="176"/>
      <c r="H58" s="455"/>
      <c r="I58" s="455"/>
      <c r="J58" s="455"/>
      <c r="K58" s="158"/>
      <c r="L58" s="156"/>
      <c r="M58" s="92"/>
      <c r="S58" s="92"/>
      <c r="T58" s="92"/>
      <c r="U58" s="92"/>
      <c r="V58" s="92"/>
      <c r="W58" s="92"/>
      <c r="X58" s="92"/>
      <c r="Y58" s="92"/>
      <c r="Z58" s="92"/>
      <c r="AA58" s="92"/>
      <c r="AB58" s="92"/>
      <c r="AC58" s="92"/>
      <c r="AD58" s="92"/>
      <c r="AE58" s="92"/>
      <c r="AF58" s="92"/>
      <c r="AG58" s="92"/>
      <c r="AH58" s="92"/>
      <c r="AI58" s="92"/>
      <c r="AJ58" s="92"/>
      <c r="AK58" s="92"/>
      <c r="AL58" s="92"/>
      <c r="AM58" s="92"/>
      <c r="AN58" s="92"/>
      <c r="AO58" s="92"/>
      <c r="AP58" s="92"/>
      <c r="AQ58" s="92"/>
      <c r="AR58" s="92"/>
      <c r="AS58" s="92"/>
      <c r="AT58" s="92"/>
      <c r="AU58" s="92"/>
      <c r="AV58" s="92"/>
      <c r="AW58" s="92"/>
      <c r="AX58" s="92"/>
      <c r="AY58" s="92"/>
      <c r="AZ58" s="92"/>
      <c r="BA58" s="92"/>
      <c r="BB58" s="92"/>
      <c r="BC58" s="92"/>
      <c r="BD58" s="92"/>
      <c r="BE58" s="92"/>
      <c r="BF58" s="92"/>
      <c r="BG58" s="92"/>
      <c r="BH58" s="92"/>
      <c r="BI58" s="92"/>
      <c r="BJ58" s="92"/>
      <c r="BK58" s="92"/>
      <c r="BL58" s="92"/>
      <c r="BM58" s="92"/>
      <c r="BN58" s="92"/>
      <c r="BO58" s="92"/>
      <c r="BP58" s="92"/>
      <c r="BQ58" s="92"/>
      <c r="BR58" s="92"/>
      <c r="BS58" s="92"/>
      <c r="BT58" s="92"/>
      <c r="BU58" s="92"/>
      <c r="BV58" s="92"/>
      <c r="BW58" s="92"/>
      <c r="BX58" s="92"/>
      <c r="BY58" s="92"/>
      <c r="BZ58" s="92"/>
      <c r="CA58" s="92"/>
      <c r="CB58" s="92"/>
      <c r="CC58" s="92"/>
      <c r="CD58" s="92"/>
      <c r="CE58" s="92"/>
      <c r="CF58" s="92"/>
      <c r="CG58" s="92"/>
      <c r="CH58" s="92"/>
      <c r="CI58" s="92"/>
    </row>
    <row r="59" spans="2:87" ht="12.9" customHeight="1">
      <c r="B59" s="180"/>
      <c r="C59" s="180"/>
      <c r="D59" s="172"/>
      <c r="E59" s="157"/>
      <c r="F59" s="176">
        <v>7</v>
      </c>
      <c r="G59" s="176"/>
      <c r="H59" s="455"/>
      <c r="I59" s="455"/>
      <c r="J59" s="455"/>
      <c r="K59" s="158"/>
      <c r="L59" s="156"/>
      <c r="M59" s="92"/>
      <c r="S59" s="92"/>
      <c r="T59" s="92"/>
      <c r="U59" s="92"/>
      <c r="V59" s="92"/>
      <c r="W59" s="92"/>
      <c r="X59" s="92"/>
      <c r="Y59" s="92"/>
      <c r="Z59" s="92"/>
      <c r="AA59" s="92"/>
      <c r="AB59" s="92"/>
      <c r="AC59" s="92"/>
      <c r="AD59" s="92"/>
      <c r="AE59" s="92"/>
      <c r="AF59" s="92"/>
      <c r="AG59" s="92"/>
      <c r="AH59" s="92"/>
      <c r="AI59" s="92"/>
      <c r="AJ59" s="92"/>
      <c r="AK59" s="92"/>
      <c r="AL59" s="92"/>
      <c r="AM59" s="92"/>
      <c r="AN59" s="92"/>
      <c r="AO59" s="92"/>
      <c r="AP59" s="92"/>
      <c r="AQ59" s="92"/>
      <c r="AR59" s="92"/>
      <c r="AS59" s="92"/>
      <c r="AT59" s="92"/>
      <c r="AU59" s="92"/>
      <c r="AV59" s="92"/>
      <c r="AW59" s="92"/>
      <c r="AX59" s="92"/>
      <c r="AY59" s="92"/>
      <c r="AZ59" s="92"/>
      <c r="BA59" s="92"/>
      <c r="BB59" s="92"/>
      <c r="BC59" s="92"/>
      <c r="BD59" s="92"/>
      <c r="BE59" s="92"/>
      <c r="BF59" s="92"/>
      <c r="BG59" s="92"/>
      <c r="BH59" s="92"/>
      <c r="BI59" s="92"/>
      <c r="BJ59" s="92"/>
      <c r="BK59" s="92"/>
      <c r="BL59" s="92"/>
      <c r="BM59" s="92"/>
      <c r="BN59" s="92"/>
      <c r="BO59" s="92"/>
      <c r="BP59" s="92"/>
      <c r="BQ59" s="92"/>
      <c r="BR59" s="92"/>
      <c r="BS59" s="92"/>
      <c r="BT59" s="92"/>
      <c r="BU59" s="92"/>
      <c r="BV59" s="92"/>
      <c r="BW59" s="92"/>
      <c r="BX59" s="92"/>
      <c r="BY59" s="92"/>
      <c r="BZ59" s="92"/>
      <c r="CA59" s="92"/>
      <c r="CB59" s="92"/>
      <c r="CC59" s="92"/>
      <c r="CD59" s="92"/>
      <c r="CE59" s="92"/>
      <c r="CF59" s="92"/>
      <c r="CG59" s="92"/>
      <c r="CH59" s="92"/>
      <c r="CI59" s="92"/>
    </row>
    <row r="60" spans="2:87" ht="12.9" customHeight="1">
      <c r="B60" s="101"/>
      <c r="C60" s="101"/>
      <c r="D60" s="94"/>
      <c r="F60" s="176">
        <v>8</v>
      </c>
      <c r="G60" s="176"/>
      <c r="H60" s="455"/>
      <c r="I60" s="455"/>
      <c r="J60" s="455"/>
      <c r="M60" s="92"/>
      <c r="S60" s="92"/>
      <c r="T60" s="92"/>
      <c r="U60" s="92"/>
      <c r="V60" s="92"/>
      <c r="W60" s="92"/>
      <c r="X60" s="92"/>
      <c r="Y60" s="92"/>
      <c r="Z60" s="92"/>
      <c r="AA60" s="92"/>
      <c r="AB60" s="92"/>
      <c r="AC60" s="92"/>
      <c r="AD60" s="92"/>
      <c r="AE60" s="92"/>
      <c r="AF60" s="92"/>
      <c r="AG60" s="92"/>
      <c r="AH60" s="92"/>
      <c r="AI60" s="92"/>
      <c r="AJ60" s="92"/>
      <c r="AK60" s="92"/>
      <c r="AL60" s="92"/>
      <c r="AM60" s="92"/>
      <c r="AN60" s="92"/>
      <c r="AO60" s="92"/>
      <c r="AP60" s="92"/>
      <c r="AQ60" s="92"/>
      <c r="AR60" s="92"/>
      <c r="AS60" s="92"/>
      <c r="AT60" s="92"/>
      <c r="AU60" s="92"/>
      <c r="AV60" s="92"/>
      <c r="AW60" s="92"/>
      <c r="AX60" s="92"/>
      <c r="AY60" s="92"/>
      <c r="AZ60" s="92"/>
      <c r="BA60" s="92"/>
      <c r="BB60" s="92"/>
      <c r="BC60" s="92"/>
      <c r="BD60" s="92"/>
      <c r="BE60" s="92"/>
      <c r="BF60" s="92"/>
      <c r="BG60" s="92"/>
      <c r="BH60" s="92"/>
      <c r="BI60" s="92"/>
      <c r="BJ60" s="92"/>
      <c r="BK60" s="92"/>
      <c r="BL60" s="92"/>
      <c r="BM60" s="92"/>
      <c r="BN60" s="92"/>
      <c r="BO60" s="92"/>
      <c r="BP60" s="92"/>
      <c r="BQ60" s="92"/>
      <c r="BR60" s="92"/>
      <c r="BS60" s="92"/>
      <c r="BT60" s="92"/>
      <c r="BU60" s="92"/>
      <c r="BV60" s="92"/>
      <c r="BW60" s="92"/>
      <c r="BX60" s="92"/>
      <c r="BY60" s="92"/>
      <c r="BZ60" s="92"/>
      <c r="CA60" s="92"/>
      <c r="CB60" s="92"/>
      <c r="CC60" s="92"/>
      <c r="CD60" s="92"/>
      <c r="CE60" s="92"/>
      <c r="CF60" s="92"/>
      <c r="CG60" s="92"/>
      <c r="CH60" s="92"/>
      <c r="CI60" s="92"/>
    </row>
    <row r="61" spans="2:87" ht="12.9" customHeight="1">
      <c r="B61" s="101"/>
      <c r="C61" s="101"/>
      <c r="D61" s="94"/>
      <c r="F61" s="101"/>
      <c r="G61" s="101"/>
      <c r="H61" s="94"/>
      <c r="I61" s="92"/>
      <c r="J61" s="92"/>
      <c r="M61" s="92"/>
      <c r="S61" s="92"/>
      <c r="T61" s="92"/>
      <c r="U61" s="92"/>
      <c r="V61" s="92"/>
      <c r="W61" s="92"/>
      <c r="X61" s="92"/>
      <c r="Y61" s="92"/>
      <c r="Z61" s="92"/>
      <c r="AA61" s="92"/>
      <c r="AB61" s="92"/>
      <c r="AC61" s="92"/>
      <c r="AD61" s="92"/>
      <c r="AE61" s="92"/>
      <c r="AF61" s="92"/>
      <c r="AG61" s="92"/>
      <c r="AH61" s="92"/>
      <c r="AI61" s="92"/>
      <c r="AJ61" s="92"/>
      <c r="AK61" s="92"/>
      <c r="AL61" s="92"/>
      <c r="AM61" s="92"/>
      <c r="AN61" s="92"/>
      <c r="AO61" s="92"/>
      <c r="AP61" s="92"/>
      <c r="AQ61" s="92"/>
      <c r="AR61" s="92"/>
      <c r="AS61" s="92"/>
      <c r="AT61" s="92"/>
      <c r="AU61" s="92"/>
      <c r="AV61" s="92"/>
      <c r="AW61" s="92"/>
      <c r="AX61" s="92"/>
      <c r="AY61" s="92"/>
      <c r="AZ61" s="92"/>
      <c r="BA61" s="92"/>
      <c r="BB61" s="92"/>
      <c r="BC61" s="92"/>
      <c r="BD61" s="92"/>
      <c r="BE61" s="92"/>
      <c r="BF61" s="92"/>
      <c r="BG61" s="92"/>
      <c r="BH61" s="92"/>
      <c r="BI61" s="92"/>
      <c r="BJ61" s="92"/>
      <c r="BK61" s="92"/>
      <c r="BL61" s="92"/>
      <c r="BM61" s="92"/>
      <c r="BN61" s="92"/>
      <c r="BO61" s="92"/>
      <c r="BP61" s="92"/>
      <c r="BQ61" s="92"/>
      <c r="BR61" s="92"/>
      <c r="BS61" s="92"/>
      <c r="BT61" s="92"/>
      <c r="BU61" s="92"/>
      <c r="BV61" s="92"/>
      <c r="BW61" s="92"/>
      <c r="BX61" s="92"/>
      <c r="BY61" s="92"/>
      <c r="BZ61" s="92"/>
      <c r="CA61" s="92"/>
      <c r="CB61" s="92"/>
      <c r="CC61" s="92"/>
      <c r="CD61" s="92"/>
      <c r="CE61" s="92"/>
      <c r="CF61" s="92"/>
      <c r="CG61" s="92"/>
      <c r="CH61" s="92"/>
      <c r="CI61" s="92"/>
    </row>
    <row r="62" spans="2:87" ht="12.9" customHeight="1">
      <c r="B62" s="101"/>
      <c r="C62" s="101"/>
      <c r="D62" s="94"/>
      <c r="F62" s="101"/>
      <c r="G62" s="101"/>
      <c r="H62" s="94"/>
      <c r="I62" s="92"/>
      <c r="J62" s="92"/>
      <c r="M62" s="92"/>
      <c r="S62" s="92"/>
      <c r="T62" s="92"/>
      <c r="U62" s="92"/>
      <c r="V62" s="92"/>
      <c r="W62" s="92"/>
      <c r="X62" s="92"/>
      <c r="Y62" s="92"/>
      <c r="Z62" s="92"/>
      <c r="AA62" s="92"/>
      <c r="AB62" s="92"/>
      <c r="AC62" s="92"/>
      <c r="AD62" s="92"/>
      <c r="AE62" s="92"/>
      <c r="AF62" s="92"/>
      <c r="AG62" s="92"/>
      <c r="AH62" s="92"/>
      <c r="AI62" s="92"/>
      <c r="AJ62" s="92"/>
      <c r="AK62" s="92"/>
      <c r="AL62" s="92"/>
      <c r="AM62" s="92"/>
      <c r="AN62" s="92"/>
      <c r="AO62" s="92"/>
      <c r="AP62" s="92"/>
      <c r="AQ62" s="92"/>
      <c r="AR62" s="92"/>
      <c r="AS62" s="92"/>
      <c r="AT62" s="92"/>
      <c r="AU62" s="92"/>
      <c r="AV62" s="92"/>
      <c r="AW62" s="92"/>
      <c r="AX62" s="92"/>
      <c r="AY62" s="92"/>
      <c r="AZ62" s="92"/>
      <c r="BA62" s="92"/>
      <c r="BB62" s="92"/>
      <c r="BC62" s="92"/>
      <c r="BD62" s="92"/>
      <c r="BE62" s="92"/>
      <c r="BF62" s="92"/>
      <c r="BG62" s="92"/>
      <c r="BH62" s="92"/>
      <c r="BI62" s="92"/>
      <c r="BJ62" s="92"/>
      <c r="BK62" s="92"/>
      <c r="BL62" s="92"/>
      <c r="BM62" s="92"/>
      <c r="BN62" s="92"/>
      <c r="BO62" s="92"/>
      <c r="BP62" s="92"/>
      <c r="BQ62" s="92"/>
      <c r="BR62" s="92"/>
      <c r="BS62" s="92"/>
      <c r="BT62" s="92"/>
      <c r="BU62" s="92"/>
      <c r="BV62" s="92"/>
      <c r="BW62" s="92"/>
      <c r="BX62" s="92"/>
      <c r="BY62" s="92"/>
      <c r="BZ62" s="92"/>
      <c r="CA62" s="92"/>
      <c r="CB62" s="92"/>
      <c r="CC62" s="92"/>
      <c r="CD62" s="92"/>
      <c r="CE62" s="92"/>
      <c r="CF62" s="92"/>
      <c r="CG62" s="92"/>
      <c r="CH62" s="92"/>
      <c r="CI62" s="92"/>
    </row>
    <row r="63" spans="2:87" s="369" customFormat="1" ht="12.9" customHeight="1">
      <c r="B63" s="370"/>
      <c r="C63" s="370"/>
      <c r="D63" s="94"/>
      <c r="F63" s="370"/>
      <c r="G63" s="370"/>
      <c r="H63" s="94"/>
      <c r="I63" s="368"/>
      <c r="J63" s="368"/>
      <c r="K63" s="96"/>
      <c r="L63" s="98"/>
      <c r="M63" s="368"/>
      <c r="S63" s="368"/>
      <c r="T63" s="368"/>
      <c r="U63" s="368"/>
      <c r="V63" s="368"/>
      <c r="W63" s="368"/>
      <c r="X63" s="368"/>
      <c r="Y63" s="368"/>
      <c r="Z63" s="368"/>
      <c r="AA63" s="368"/>
      <c r="AB63" s="368"/>
      <c r="AC63" s="368"/>
      <c r="AD63" s="368"/>
      <c r="AE63" s="368"/>
      <c r="AF63" s="368"/>
      <c r="AG63" s="368"/>
      <c r="AH63" s="368"/>
      <c r="AI63" s="368"/>
      <c r="AJ63" s="368"/>
      <c r="AK63" s="368"/>
      <c r="AL63" s="368"/>
      <c r="AM63" s="368"/>
      <c r="AN63" s="368"/>
      <c r="AO63" s="368"/>
      <c r="AP63" s="368"/>
      <c r="AQ63" s="368"/>
      <c r="AR63" s="368"/>
      <c r="AS63" s="368"/>
      <c r="AT63" s="368"/>
      <c r="AU63" s="368"/>
      <c r="AV63" s="368"/>
      <c r="AW63" s="368"/>
      <c r="AX63" s="368"/>
      <c r="AY63" s="368"/>
      <c r="AZ63" s="368"/>
      <c r="BA63" s="368"/>
      <c r="BB63" s="368"/>
      <c r="BC63" s="368"/>
      <c r="BD63" s="368"/>
      <c r="BE63" s="368"/>
      <c r="BF63" s="368"/>
      <c r="BG63" s="368"/>
      <c r="BH63" s="368"/>
      <c r="BI63" s="368"/>
      <c r="BJ63" s="368"/>
      <c r="BK63" s="368"/>
      <c r="BL63" s="368"/>
      <c r="BM63" s="368"/>
      <c r="BN63" s="368"/>
      <c r="BO63" s="368"/>
      <c r="BP63" s="368"/>
      <c r="BQ63" s="368"/>
      <c r="BR63" s="368"/>
      <c r="BS63" s="368"/>
      <c r="BT63" s="368"/>
      <c r="BU63" s="368"/>
      <c r="BV63" s="368"/>
      <c r="BW63" s="368"/>
      <c r="BX63" s="368"/>
      <c r="BY63" s="368"/>
      <c r="BZ63" s="368"/>
      <c r="CA63" s="368"/>
      <c r="CB63" s="368"/>
      <c r="CC63" s="368"/>
      <c r="CD63" s="368"/>
      <c r="CE63" s="368"/>
      <c r="CF63" s="368"/>
      <c r="CG63" s="368"/>
      <c r="CH63" s="368"/>
      <c r="CI63" s="368"/>
    </row>
    <row r="64" spans="2:87" ht="12.9" customHeight="1">
      <c r="B64" s="101"/>
      <c r="C64" s="101"/>
      <c r="D64" s="94"/>
      <c r="F64" s="101"/>
      <c r="G64" s="101"/>
      <c r="H64" s="94"/>
      <c r="I64" s="92"/>
      <c r="J64" s="92"/>
      <c r="M64" s="92"/>
      <c r="S64" s="92"/>
      <c r="T64" s="92"/>
      <c r="U64" s="92"/>
      <c r="V64" s="92"/>
      <c r="W64" s="92"/>
      <c r="X64" s="92"/>
      <c r="Y64" s="92"/>
      <c r="Z64" s="92"/>
      <c r="AA64" s="92"/>
      <c r="AB64" s="92"/>
      <c r="AC64" s="92"/>
      <c r="AD64" s="92"/>
      <c r="AE64" s="92"/>
      <c r="AF64" s="92"/>
      <c r="AG64" s="92"/>
      <c r="AH64" s="92"/>
      <c r="AI64" s="92"/>
      <c r="AJ64" s="92"/>
      <c r="AK64" s="92"/>
      <c r="AL64" s="92"/>
      <c r="AM64" s="92"/>
      <c r="AN64" s="92"/>
      <c r="AO64" s="92"/>
      <c r="AP64" s="92"/>
      <c r="AQ64" s="92"/>
      <c r="AR64" s="92"/>
      <c r="AS64" s="92"/>
      <c r="AT64" s="92"/>
      <c r="AU64" s="92"/>
      <c r="AV64" s="92"/>
      <c r="AW64" s="92"/>
      <c r="AX64" s="92"/>
      <c r="AY64" s="92"/>
      <c r="AZ64" s="92"/>
      <c r="BA64" s="92"/>
      <c r="BB64" s="92"/>
      <c r="BC64" s="92"/>
      <c r="BD64" s="92"/>
      <c r="BE64" s="92"/>
      <c r="BF64" s="92"/>
      <c r="BG64" s="92"/>
      <c r="BH64" s="92"/>
      <c r="BI64" s="92"/>
      <c r="BJ64" s="92"/>
      <c r="BK64" s="92"/>
      <c r="BL64" s="92"/>
      <c r="BM64" s="92"/>
      <c r="BN64" s="92"/>
      <c r="BO64" s="92"/>
      <c r="BP64" s="92"/>
      <c r="BQ64" s="92"/>
      <c r="BR64" s="92"/>
      <c r="BS64" s="92"/>
      <c r="BT64" s="92"/>
      <c r="BU64" s="92"/>
      <c r="BV64" s="92"/>
      <c r="BW64" s="92"/>
      <c r="BX64" s="92"/>
      <c r="BY64" s="92"/>
      <c r="BZ64" s="92"/>
      <c r="CA64" s="92"/>
      <c r="CB64" s="92"/>
      <c r="CC64" s="92"/>
      <c r="CD64" s="92"/>
      <c r="CE64" s="92"/>
      <c r="CF64" s="92"/>
      <c r="CG64" s="92"/>
      <c r="CH64" s="92"/>
      <c r="CI64" s="92"/>
    </row>
    <row r="65" spans="2:87" ht="12.9" customHeight="1">
      <c r="F65" s="101"/>
      <c r="G65" s="101"/>
      <c r="H65" s="94"/>
      <c r="I65" s="92"/>
      <c r="J65" s="101"/>
      <c r="M65" s="92"/>
      <c r="S65" s="92"/>
      <c r="T65" s="92"/>
      <c r="U65" s="92"/>
      <c r="V65" s="92"/>
      <c r="W65" s="92"/>
      <c r="X65" s="92"/>
      <c r="Y65" s="92"/>
      <c r="Z65" s="92"/>
      <c r="AA65" s="92"/>
      <c r="AB65" s="92"/>
      <c r="AC65" s="92"/>
      <c r="AD65" s="92"/>
      <c r="AE65" s="92"/>
      <c r="AF65" s="92"/>
      <c r="AG65" s="92"/>
      <c r="AH65" s="92"/>
      <c r="AI65" s="92"/>
      <c r="AJ65" s="92"/>
      <c r="AK65" s="92"/>
      <c r="AL65" s="92"/>
      <c r="AM65" s="92"/>
      <c r="AN65" s="92"/>
      <c r="AO65" s="92"/>
      <c r="AP65" s="92"/>
      <c r="AQ65" s="92"/>
      <c r="AR65" s="92"/>
      <c r="AS65" s="92"/>
      <c r="AT65" s="92"/>
      <c r="AU65" s="92"/>
      <c r="AV65" s="92"/>
      <c r="AW65" s="92"/>
      <c r="AX65" s="92"/>
      <c r="AY65" s="92"/>
      <c r="AZ65" s="92"/>
      <c r="BA65" s="92"/>
      <c r="BB65" s="92"/>
      <c r="BC65" s="92"/>
      <c r="BD65" s="92"/>
      <c r="BE65" s="92"/>
      <c r="BF65" s="92"/>
      <c r="BG65" s="92"/>
      <c r="BH65" s="92"/>
      <c r="BI65" s="92"/>
      <c r="BJ65" s="92"/>
      <c r="BK65" s="92"/>
      <c r="BL65" s="92"/>
      <c r="BM65" s="92"/>
      <c r="BN65" s="92"/>
      <c r="BO65" s="92"/>
      <c r="BP65" s="92"/>
      <c r="BQ65" s="92"/>
      <c r="BR65" s="92"/>
      <c r="BS65" s="92"/>
      <c r="BT65" s="92"/>
      <c r="BU65" s="92"/>
      <c r="BV65" s="92"/>
      <c r="BW65" s="92"/>
      <c r="BX65" s="92"/>
      <c r="BY65" s="92"/>
      <c r="BZ65" s="92"/>
      <c r="CA65" s="92"/>
      <c r="CB65" s="92"/>
      <c r="CC65" s="92"/>
      <c r="CD65" s="92"/>
      <c r="CE65" s="92"/>
      <c r="CF65" s="92"/>
      <c r="CG65" s="92"/>
      <c r="CH65" s="92"/>
      <c r="CI65" s="92"/>
    </row>
    <row r="66" spans="2:87" ht="15" customHeight="1">
      <c r="B66" s="124" t="s">
        <v>65</v>
      </c>
      <c r="E66" s="92"/>
      <c r="I66" s="92"/>
      <c r="M66" s="92"/>
      <c r="N66" s="92"/>
      <c r="O66" s="92"/>
      <c r="P66" s="92"/>
      <c r="Q66" s="92"/>
      <c r="R66" s="92"/>
      <c r="S66" s="92"/>
      <c r="T66" s="92"/>
      <c r="U66" s="92"/>
      <c r="V66" s="92"/>
      <c r="W66" s="92"/>
      <c r="X66" s="92"/>
      <c r="Y66" s="92"/>
      <c r="Z66" s="92"/>
      <c r="AA66" s="92"/>
      <c r="AB66" s="92"/>
      <c r="AC66" s="92"/>
      <c r="AD66" s="92"/>
      <c r="AE66" s="92"/>
      <c r="AF66" s="92"/>
      <c r="AG66" s="92"/>
      <c r="AH66" s="92"/>
      <c r="AI66" s="92"/>
      <c r="AJ66" s="92"/>
      <c r="AK66" s="92"/>
      <c r="AL66" s="92"/>
      <c r="AM66" s="92"/>
      <c r="AN66" s="92"/>
      <c r="AO66" s="92"/>
      <c r="AP66" s="92"/>
      <c r="AQ66" s="92"/>
      <c r="AR66" s="92"/>
      <c r="AS66" s="92"/>
      <c r="AT66" s="92"/>
      <c r="AU66" s="92"/>
      <c r="AV66" s="92"/>
      <c r="AW66" s="92"/>
      <c r="AX66" s="92"/>
      <c r="AY66" s="92"/>
      <c r="AZ66" s="92"/>
      <c r="BA66" s="92"/>
      <c r="BB66" s="92"/>
      <c r="BC66" s="92"/>
      <c r="BD66" s="92"/>
      <c r="BE66" s="92"/>
      <c r="BF66" s="92"/>
      <c r="BG66" s="92"/>
      <c r="BH66" s="92"/>
      <c r="BI66" s="92"/>
      <c r="BJ66" s="92"/>
      <c r="BK66" s="92"/>
      <c r="BL66" s="92"/>
      <c r="BM66" s="92"/>
      <c r="BN66" s="92"/>
      <c r="BO66" s="92"/>
      <c r="BP66" s="92"/>
      <c r="BQ66" s="92"/>
      <c r="BR66" s="92"/>
      <c r="BS66" s="92"/>
      <c r="BT66" s="92"/>
      <c r="BU66" s="92"/>
      <c r="BV66" s="92"/>
      <c r="BW66" s="92"/>
      <c r="BX66" s="92"/>
      <c r="BY66" s="92"/>
      <c r="BZ66" s="92"/>
      <c r="CA66" s="92"/>
      <c r="CB66" s="92"/>
      <c r="CC66" s="92"/>
      <c r="CD66" s="92"/>
      <c r="CE66" s="92"/>
      <c r="CF66" s="92"/>
      <c r="CG66" s="92"/>
      <c r="CH66" s="92"/>
      <c r="CI66" s="92"/>
    </row>
    <row r="67" spans="2:87" ht="12.9" customHeight="1">
      <c r="B67" s="165" t="s">
        <v>27</v>
      </c>
      <c r="C67" s="165"/>
      <c r="D67" s="162"/>
      <c r="E67" s="169"/>
      <c r="F67" s="165" t="s">
        <v>28</v>
      </c>
      <c r="G67" s="165" t="s">
        <v>437</v>
      </c>
      <c r="H67" s="162"/>
      <c r="I67" s="169"/>
      <c r="J67" s="165" t="s">
        <v>29</v>
      </c>
      <c r="K67" s="165" t="s">
        <v>454</v>
      </c>
      <c r="L67" s="162"/>
      <c r="M67" s="92"/>
      <c r="N67" s="92"/>
      <c r="O67" s="92"/>
      <c r="P67" s="92"/>
      <c r="Q67" s="92"/>
      <c r="R67" s="92"/>
      <c r="S67" s="92"/>
      <c r="T67" s="92"/>
      <c r="U67" s="92"/>
      <c r="V67" s="92"/>
      <c r="W67" s="92"/>
      <c r="X67" s="92"/>
      <c r="Y67" s="92"/>
      <c r="Z67" s="92"/>
      <c r="AA67" s="92"/>
      <c r="AB67" s="92"/>
      <c r="AC67" s="92"/>
      <c r="AD67" s="92"/>
      <c r="AE67" s="92"/>
      <c r="AF67" s="92"/>
      <c r="AG67" s="92"/>
      <c r="AH67" s="92"/>
      <c r="AI67" s="92"/>
      <c r="AJ67" s="92"/>
      <c r="AK67" s="92"/>
      <c r="AL67" s="92"/>
      <c r="AM67" s="92"/>
      <c r="AN67" s="92"/>
      <c r="AO67" s="92"/>
      <c r="AP67" s="92"/>
      <c r="AQ67" s="92"/>
      <c r="AR67" s="92"/>
      <c r="AS67" s="92"/>
      <c r="AT67" s="92"/>
      <c r="AU67" s="92"/>
      <c r="AV67" s="92"/>
      <c r="AW67" s="92"/>
      <c r="AX67" s="92"/>
      <c r="AY67" s="92"/>
      <c r="AZ67" s="92"/>
      <c r="BA67" s="92"/>
      <c r="BB67" s="92"/>
      <c r="BC67" s="92"/>
      <c r="BD67" s="92"/>
      <c r="BE67" s="92"/>
      <c r="BF67" s="92"/>
      <c r="BG67" s="92"/>
      <c r="BH67" s="92"/>
      <c r="BI67" s="92"/>
      <c r="BJ67" s="92"/>
      <c r="BK67" s="92"/>
      <c r="BL67" s="92"/>
      <c r="BM67" s="92"/>
      <c r="BN67" s="92"/>
      <c r="BO67" s="92"/>
      <c r="BP67" s="92"/>
      <c r="BQ67" s="92"/>
      <c r="BR67" s="92"/>
      <c r="BS67" s="92"/>
      <c r="BT67" s="92"/>
      <c r="BU67" s="92"/>
      <c r="BV67" s="92"/>
      <c r="BW67" s="92"/>
      <c r="BX67" s="92"/>
      <c r="BY67" s="92"/>
      <c r="BZ67" s="92"/>
      <c r="CA67" s="92"/>
      <c r="CB67" s="92"/>
      <c r="CC67" s="92"/>
      <c r="CD67" s="92"/>
      <c r="CE67" s="92"/>
      <c r="CF67" s="92"/>
      <c r="CG67" s="92"/>
      <c r="CH67" s="92"/>
      <c r="CI67" s="92"/>
    </row>
    <row r="68" spans="2:87" ht="12.9" customHeight="1">
      <c r="B68" s="40"/>
      <c r="C68" s="41"/>
      <c r="D68" s="194"/>
      <c r="E68" s="169"/>
      <c r="F68" s="40">
        <v>15</v>
      </c>
      <c r="G68" s="154" t="s">
        <v>365</v>
      </c>
      <c r="H68" s="195"/>
      <c r="I68" s="169"/>
      <c r="J68" s="40">
        <v>50</v>
      </c>
      <c r="K68" s="154" t="s">
        <v>452</v>
      </c>
      <c r="L68" s="195"/>
      <c r="M68" s="92"/>
      <c r="N68" s="92"/>
      <c r="O68" s="92"/>
      <c r="P68" s="92"/>
      <c r="Q68" s="92"/>
      <c r="R68" s="92"/>
      <c r="S68" s="92"/>
      <c r="T68" s="92"/>
      <c r="U68" s="92"/>
      <c r="V68" s="92"/>
      <c r="W68" s="92"/>
      <c r="X68" s="92"/>
      <c r="Y68" s="92"/>
      <c r="Z68" s="92"/>
      <c r="AA68" s="92"/>
      <c r="AB68" s="92"/>
      <c r="AC68" s="92"/>
      <c r="AD68" s="92"/>
      <c r="AE68" s="92"/>
      <c r="AF68" s="92"/>
      <c r="AG68" s="92"/>
      <c r="AH68" s="92"/>
      <c r="AI68" s="92"/>
      <c r="AJ68" s="92"/>
      <c r="AK68" s="92"/>
      <c r="AL68" s="92"/>
      <c r="AM68" s="92"/>
      <c r="AN68" s="92"/>
      <c r="AO68" s="92"/>
      <c r="AP68" s="92"/>
      <c r="AQ68" s="92"/>
      <c r="AR68" s="92"/>
      <c r="AS68" s="92"/>
      <c r="AT68" s="92"/>
      <c r="AU68" s="92"/>
      <c r="AV68" s="92"/>
      <c r="AW68" s="92"/>
      <c r="AX68" s="92"/>
      <c r="AY68" s="92"/>
      <c r="AZ68" s="92"/>
      <c r="BA68" s="92"/>
      <c r="BB68" s="92"/>
      <c r="BC68" s="92"/>
      <c r="BD68" s="92"/>
      <c r="BE68" s="92"/>
      <c r="BF68" s="92"/>
      <c r="BG68" s="92"/>
      <c r="BH68" s="92"/>
      <c r="BI68" s="92"/>
      <c r="BJ68" s="92"/>
      <c r="BK68" s="92"/>
      <c r="BL68" s="92"/>
      <c r="BM68" s="92"/>
      <c r="BN68" s="92"/>
      <c r="BO68" s="92"/>
      <c r="BP68" s="92"/>
      <c r="BQ68" s="92"/>
      <c r="BR68" s="92"/>
      <c r="BS68" s="92"/>
      <c r="BT68" s="92"/>
      <c r="BU68" s="92"/>
      <c r="BV68" s="92"/>
      <c r="BW68" s="92"/>
      <c r="BX68" s="92"/>
      <c r="BY68" s="92"/>
      <c r="BZ68" s="92"/>
      <c r="CA68" s="92"/>
      <c r="CB68" s="92"/>
      <c r="CC68" s="92"/>
      <c r="CD68" s="92"/>
      <c r="CE68" s="92"/>
      <c r="CF68" s="92"/>
      <c r="CG68" s="92"/>
      <c r="CH68" s="92"/>
      <c r="CI68" s="92"/>
    </row>
    <row r="69" spans="2:87" ht="12.9" customHeight="1">
      <c r="B69" s="35"/>
      <c r="C69" s="36"/>
      <c r="D69" s="194"/>
      <c r="E69" s="169"/>
      <c r="F69" s="40">
        <v>12</v>
      </c>
      <c r="G69" s="154" t="s">
        <v>442</v>
      </c>
      <c r="H69" s="195"/>
      <c r="I69" s="169"/>
      <c r="J69" s="40">
        <v>54</v>
      </c>
      <c r="K69" s="154" t="s">
        <v>453</v>
      </c>
      <c r="L69" s="195"/>
      <c r="M69" s="92"/>
      <c r="N69" s="92"/>
      <c r="O69" s="92"/>
      <c r="P69" s="92"/>
      <c r="Q69" s="92"/>
      <c r="R69" s="92"/>
      <c r="S69" s="92"/>
      <c r="T69" s="92"/>
      <c r="U69" s="92"/>
      <c r="V69" s="92"/>
      <c r="W69" s="92"/>
      <c r="X69" s="92"/>
      <c r="Y69" s="92"/>
      <c r="Z69" s="92"/>
      <c r="AA69" s="92"/>
      <c r="AB69" s="92"/>
      <c r="AC69" s="92"/>
      <c r="AD69" s="92"/>
      <c r="AE69" s="92"/>
      <c r="AF69" s="92"/>
      <c r="AG69" s="92"/>
      <c r="AH69" s="92"/>
      <c r="AI69" s="92"/>
      <c r="AJ69" s="92"/>
      <c r="AK69" s="92"/>
      <c r="AL69" s="92"/>
      <c r="AM69" s="92"/>
      <c r="AN69" s="92"/>
      <c r="AO69" s="92"/>
      <c r="AP69" s="92"/>
      <c r="AQ69" s="92"/>
      <c r="AR69" s="92"/>
      <c r="AS69" s="92"/>
      <c r="AT69" s="92"/>
      <c r="AU69" s="92"/>
      <c r="AV69" s="92"/>
      <c r="AW69" s="92"/>
      <c r="AX69" s="92"/>
      <c r="AY69" s="92"/>
      <c r="AZ69" s="92"/>
      <c r="BA69" s="92"/>
      <c r="BB69" s="92"/>
      <c r="BC69" s="92"/>
      <c r="BD69" s="92"/>
      <c r="BE69" s="92"/>
      <c r="BF69" s="92"/>
      <c r="BG69" s="92"/>
      <c r="BH69" s="92"/>
      <c r="BI69" s="92"/>
      <c r="BJ69" s="92"/>
      <c r="BK69" s="92"/>
      <c r="BL69" s="92"/>
      <c r="BM69" s="92"/>
      <c r="BN69" s="92"/>
      <c r="BO69" s="92"/>
      <c r="BP69" s="92"/>
      <c r="BQ69" s="92"/>
      <c r="BR69" s="92"/>
      <c r="BS69" s="92"/>
      <c r="BT69" s="92"/>
      <c r="BU69" s="92"/>
      <c r="BV69" s="92"/>
      <c r="BW69" s="92"/>
      <c r="BX69" s="92"/>
      <c r="BY69" s="92"/>
      <c r="BZ69" s="92"/>
      <c r="CA69" s="92"/>
      <c r="CB69" s="92"/>
      <c r="CC69" s="92"/>
      <c r="CD69" s="92"/>
      <c r="CE69" s="92"/>
      <c r="CF69" s="92"/>
      <c r="CG69" s="92"/>
      <c r="CH69" s="92"/>
      <c r="CI69" s="92"/>
    </row>
    <row r="70" spans="2:87" ht="12.9" customHeight="1">
      <c r="B70" s="35"/>
      <c r="C70" s="36"/>
      <c r="D70" s="194"/>
      <c r="E70" s="169"/>
      <c r="F70" s="40">
        <v>11</v>
      </c>
      <c r="G70" s="154" t="s">
        <v>177</v>
      </c>
      <c r="H70" s="195"/>
      <c r="I70" s="169"/>
      <c r="J70" s="40"/>
      <c r="K70" s="154" t="s">
        <v>460</v>
      </c>
      <c r="L70" s="195"/>
      <c r="M70" s="92"/>
      <c r="N70" s="92"/>
      <c r="O70" s="92"/>
      <c r="P70" s="92"/>
      <c r="Q70" s="92"/>
      <c r="R70" s="92"/>
      <c r="S70" s="92"/>
      <c r="T70" s="92"/>
      <c r="U70" s="92"/>
      <c r="V70" s="92"/>
      <c r="W70" s="92"/>
      <c r="X70" s="92"/>
      <c r="Y70" s="92"/>
      <c r="Z70" s="92"/>
      <c r="AA70" s="92"/>
      <c r="AB70" s="92"/>
      <c r="AC70" s="92"/>
      <c r="AD70" s="92"/>
      <c r="AE70" s="92"/>
      <c r="AF70" s="92"/>
      <c r="AG70" s="92"/>
      <c r="AH70" s="92"/>
      <c r="AI70" s="92"/>
      <c r="AJ70" s="92"/>
      <c r="AK70" s="92"/>
      <c r="AL70" s="92"/>
      <c r="AM70" s="92"/>
      <c r="AN70" s="92"/>
      <c r="AO70" s="92"/>
      <c r="AP70" s="92"/>
      <c r="AQ70" s="92"/>
      <c r="AR70" s="92"/>
      <c r="AS70" s="92"/>
      <c r="AT70" s="92"/>
      <c r="AU70" s="92"/>
      <c r="AV70" s="92"/>
      <c r="AW70" s="92"/>
      <c r="AX70" s="92"/>
      <c r="AY70" s="92"/>
      <c r="AZ70" s="92"/>
      <c r="BA70" s="92"/>
      <c r="BB70" s="92"/>
      <c r="BC70" s="92"/>
      <c r="BD70" s="92"/>
      <c r="BE70" s="92"/>
      <c r="BF70" s="92"/>
      <c r="BG70" s="92"/>
      <c r="BH70" s="92"/>
      <c r="BI70" s="92"/>
      <c r="BJ70" s="92"/>
      <c r="BK70" s="92"/>
      <c r="BL70" s="92"/>
      <c r="BM70" s="92"/>
      <c r="BN70" s="92"/>
      <c r="BO70" s="92"/>
      <c r="BP70" s="92"/>
      <c r="BQ70" s="92"/>
      <c r="BR70" s="92"/>
      <c r="BS70" s="92"/>
      <c r="BT70" s="92"/>
      <c r="BU70" s="92"/>
      <c r="BV70" s="92"/>
      <c r="BW70" s="92"/>
      <c r="BX70" s="92"/>
      <c r="BY70" s="92"/>
      <c r="BZ70" s="92"/>
      <c r="CA70" s="92"/>
      <c r="CB70" s="92"/>
      <c r="CC70" s="92"/>
      <c r="CD70" s="92"/>
      <c r="CE70" s="92"/>
      <c r="CF70" s="92"/>
      <c r="CG70" s="92"/>
      <c r="CH70" s="92"/>
      <c r="CI70" s="92"/>
    </row>
    <row r="71" spans="2:87" ht="12.9" customHeight="1">
      <c r="B71" s="35"/>
      <c r="C71" s="36"/>
      <c r="D71" s="194"/>
      <c r="E71" s="169"/>
      <c r="F71" s="40">
        <v>1</v>
      </c>
      <c r="G71" s="154" t="s">
        <v>443</v>
      </c>
      <c r="H71" s="195"/>
      <c r="I71" s="169"/>
      <c r="J71" s="40"/>
      <c r="K71" s="154" t="s">
        <v>461</v>
      </c>
      <c r="L71" s="195"/>
      <c r="M71" s="92"/>
      <c r="N71" s="92"/>
      <c r="O71" s="92"/>
      <c r="P71" s="92"/>
      <c r="Q71" s="92"/>
      <c r="R71" s="92"/>
      <c r="S71" s="92"/>
      <c r="T71" s="92"/>
      <c r="U71" s="92"/>
      <c r="V71" s="92"/>
      <c r="W71" s="92"/>
      <c r="X71" s="92"/>
      <c r="Y71" s="92"/>
      <c r="Z71" s="92"/>
      <c r="AA71" s="92"/>
      <c r="AB71" s="92"/>
      <c r="AC71" s="92"/>
      <c r="AD71" s="92"/>
      <c r="AE71" s="92"/>
      <c r="AF71" s="92"/>
      <c r="AG71" s="92"/>
      <c r="AH71" s="92"/>
      <c r="AI71" s="92"/>
      <c r="AJ71" s="92"/>
      <c r="AK71" s="92"/>
      <c r="AL71" s="92"/>
      <c r="AM71" s="92"/>
      <c r="AN71" s="92"/>
      <c r="AO71" s="92"/>
      <c r="AP71" s="92"/>
      <c r="AQ71" s="92"/>
      <c r="AR71" s="92"/>
      <c r="AS71" s="92"/>
      <c r="AT71" s="92"/>
      <c r="AU71" s="92"/>
      <c r="AV71" s="92"/>
      <c r="AW71" s="92"/>
      <c r="AX71" s="92"/>
      <c r="AY71" s="92"/>
      <c r="AZ71" s="92"/>
      <c r="BA71" s="92"/>
      <c r="BB71" s="92"/>
      <c r="BC71" s="92"/>
      <c r="BD71" s="92"/>
      <c r="BE71" s="92"/>
      <c r="BF71" s="92"/>
      <c r="BG71" s="92"/>
      <c r="BH71" s="92"/>
      <c r="BI71" s="92"/>
      <c r="BJ71" s="92"/>
      <c r="BK71" s="92"/>
      <c r="BL71" s="92"/>
      <c r="BM71" s="92"/>
      <c r="BN71" s="92"/>
      <c r="BO71" s="92"/>
      <c r="BP71" s="92"/>
      <c r="BQ71" s="92"/>
      <c r="BR71" s="92"/>
      <c r="BS71" s="92"/>
      <c r="BT71" s="92"/>
      <c r="BU71" s="92"/>
      <c r="BV71" s="92"/>
      <c r="BW71" s="92"/>
      <c r="BX71" s="92"/>
      <c r="BY71" s="92"/>
      <c r="BZ71" s="92"/>
      <c r="CA71" s="92"/>
      <c r="CB71" s="92"/>
      <c r="CC71" s="92"/>
      <c r="CD71" s="92"/>
      <c r="CE71" s="92"/>
      <c r="CF71" s="92"/>
      <c r="CG71" s="92"/>
      <c r="CH71" s="92"/>
      <c r="CI71" s="92"/>
    </row>
    <row r="72" spans="2:87" ht="12.9" customHeight="1">
      <c r="B72" s="35"/>
      <c r="C72" s="36"/>
      <c r="D72" s="194"/>
      <c r="E72" s="169"/>
      <c r="F72" s="40"/>
      <c r="G72" s="154"/>
      <c r="H72" s="195"/>
      <c r="I72" s="169"/>
      <c r="J72" s="40"/>
      <c r="K72" s="154"/>
      <c r="L72" s="195"/>
      <c r="M72" s="92"/>
      <c r="N72" s="92"/>
      <c r="O72" s="92"/>
      <c r="P72" s="92"/>
      <c r="Q72" s="92"/>
      <c r="R72" s="92"/>
      <c r="S72" s="92"/>
      <c r="T72" s="92"/>
      <c r="U72" s="92"/>
      <c r="V72" s="92"/>
      <c r="W72" s="92"/>
      <c r="X72" s="92"/>
      <c r="Y72" s="92"/>
      <c r="Z72" s="92"/>
      <c r="AA72" s="92"/>
      <c r="AB72" s="92"/>
      <c r="AC72" s="92"/>
      <c r="AD72" s="92"/>
      <c r="AE72" s="92"/>
      <c r="AF72" s="92"/>
      <c r="AG72" s="92"/>
      <c r="AH72" s="92"/>
      <c r="AI72" s="92"/>
      <c r="AJ72" s="92"/>
      <c r="AK72" s="92"/>
      <c r="AL72" s="92"/>
      <c r="AM72" s="92"/>
      <c r="AN72" s="92"/>
      <c r="AO72" s="92"/>
      <c r="AP72" s="92"/>
      <c r="AQ72" s="92"/>
      <c r="AR72" s="92"/>
      <c r="AS72" s="92"/>
      <c r="AT72" s="92"/>
      <c r="AU72" s="92"/>
      <c r="AV72" s="92"/>
      <c r="AW72" s="92"/>
      <c r="AX72" s="92"/>
      <c r="AY72" s="92"/>
      <c r="AZ72" s="92"/>
      <c r="BA72" s="92"/>
      <c r="BB72" s="92"/>
      <c r="BC72" s="92"/>
      <c r="BD72" s="92"/>
      <c r="BE72" s="92"/>
      <c r="BF72" s="92"/>
      <c r="BG72" s="92"/>
      <c r="BH72" s="92"/>
      <c r="BI72" s="92"/>
      <c r="BJ72" s="92"/>
      <c r="BK72" s="92"/>
      <c r="BL72" s="92"/>
      <c r="BM72" s="92"/>
      <c r="BN72" s="92"/>
      <c r="BO72" s="92"/>
      <c r="BP72" s="92"/>
      <c r="BQ72" s="92"/>
      <c r="BR72" s="92"/>
      <c r="BS72" s="92"/>
      <c r="BT72" s="92"/>
      <c r="BU72" s="92"/>
      <c r="BV72" s="92"/>
      <c r="BW72" s="92"/>
      <c r="BX72" s="92"/>
      <c r="BY72" s="92"/>
      <c r="BZ72" s="92"/>
      <c r="CA72" s="92"/>
      <c r="CB72" s="92"/>
      <c r="CC72" s="92"/>
      <c r="CD72" s="92"/>
      <c r="CE72" s="92"/>
      <c r="CF72" s="92"/>
      <c r="CG72" s="92"/>
      <c r="CH72" s="92"/>
      <c r="CI72" s="92"/>
    </row>
    <row r="73" spans="2:87" ht="12.9" customHeight="1">
      <c r="B73" s="35"/>
      <c r="C73" s="36"/>
      <c r="D73" s="194"/>
      <c r="E73" s="169"/>
      <c r="F73" s="40"/>
      <c r="G73" s="154"/>
      <c r="H73" s="195"/>
      <c r="I73" s="169"/>
      <c r="J73" s="40"/>
      <c r="K73" s="154"/>
      <c r="L73" s="195"/>
      <c r="M73" s="92"/>
      <c r="N73" s="92"/>
      <c r="O73" s="92"/>
      <c r="P73" s="92"/>
      <c r="Q73" s="92"/>
      <c r="R73" s="92"/>
      <c r="S73" s="92"/>
      <c r="T73" s="92"/>
      <c r="U73" s="92"/>
      <c r="V73" s="92"/>
      <c r="W73" s="92"/>
      <c r="X73" s="92"/>
      <c r="Y73" s="92"/>
      <c r="Z73" s="92"/>
      <c r="AA73" s="92"/>
      <c r="AB73" s="92"/>
      <c r="AC73" s="92"/>
      <c r="AD73" s="92"/>
      <c r="AE73" s="92"/>
      <c r="AF73" s="92"/>
      <c r="AG73" s="92"/>
      <c r="AH73" s="92"/>
      <c r="AI73" s="92"/>
      <c r="AJ73" s="92"/>
      <c r="AK73" s="92"/>
      <c r="AL73" s="92"/>
      <c r="AM73" s="92"/>
      <c r="AN73" s="92"/>
      <c r="AO73" s="92"/>
      <c r="AP73" s="92"/>
      <c r="AQ73" s="92"/>
      <c r="AR73" s="92"/>
      <c r="AS73" s="92"/>
      <c r="AT73" s="92"/>
      <c r="AU73" s="92"/>
      <c r="AV73" s="92"/>
      <c r="AW73" s="92"/>
      <c r="AX73" s="92"/>
      <c r="AY73" s="92"/>
      <c r="AZ73" s="92"/>
      <c r="BA73" s="92"/>
      <c r="BB73" s="92"/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92"/>
      <c r="BP73" s="92"/>
      <c r="BQ73" s="92"/>
      <c r="BR73" s="92"/>
      <c r="BS73" s="92"/>
      <c r="BT73" s="92"/>
      <c r="BU73" s="92"/>
      <c r="BV73" s="92"/>
      <c r="BW73" s="92"/>
      <c r="BX73" s="92"/>
      <c r="BY73" s="92"/>
      <c r="BZ73" s="92"/>
      <c r="CA73" s="92"/>
      <c r="CB73" s="92"/>
      <c r="CC73" s="92"/>
      <c r="CD73" s="92"/>
      <c r="CE73" s="92"/>
      <c r="CF73" s="92"/>
      <c r="CG73" s="92"/>
      <c r="CH73" s="92"/>
      <c r="CI73" s="92"/>
    </row>
    <row r="74" spans="2:87" ht="12.9" customHeight="1">
      <c r="B74" s="180"/>
      <c r="C74" s="180"/>
      <c r="D74" s="172"/>
      <c r="E74" s="169"/>
      <c r="F74" s="180"/>
      <c r="G74" s="180"/>
      <c r="H74" s="172"/>
      <c r="I74" s="169"/>
      <c r="J74" s="180"/>
      <c r="K74" s="180"/>
      <c r="L74" s="172"/>
      <c r="M74" s="92"/>
      <c r="N74" s="92"/>
      <c r="O74" s="92"/>
      <c r="P74" s="92"/>
      <c r="Q74" s="92"/>
      <c r="R74" s="92"/>
      <c r="S74" s="92"/>
      <c r="T74" s="92"/>
      <c r="U74" s="92"/>
      <c r="V74" s="92"/>
      <c r="W74" s="92"/>
      <c r="X74" s="92"/>
      <c r="Y74" s="92"/>
      <c r="Z74" s="92"/>
      <c r="AA74" s="92"/>
      <c r="AB74" s="92"/>
      <c r="AC74" s="92"/>
      <c r="AD74" s="92"/>
      <c r="AE74" s="92"/>
      <c r="AF74" s="92"/>
      <c r="AG74" s="92"/>
      <c r="AH74" s="92"/>
      <c r="AI74" s="92"/>
      <c r="AJ74" s="92"/>
      <c r="AK74" s="92"/>
      <c r="AL74" s="92"/>
      <c r="AM74" s="92"/>
      <c r="AN74" s="92"/>
      <c r="AO74" s="92"/>
      <c r="AP74" s="92"/>
      <c r="AQ74" s="92"/>
      <c r="AR74" s="92"/>
      <c r="AS74" s="92"/>
      <c r="AT74" s="92"/>
      <c r="AU74" s="92"/>
      <c r="AV74" s="92"/>
      <c r="AW74" s="92"/>
      <c r="AX74" s="92"/>
      <c r="AY74" s="92"/>
      <c r="AZ74" s="92"/>
      <c r="BA74" s="92"/>
      <c r="BB74" s="92"/>
      <c r="BC74" s="92"/>
      <c r="BD74" s="92"/>
      <c r="BE74" s="92"/>
      <c r="BF74" s="92"/>
      <c r="BG74" s="92"/>
      <c r="BH74" s="92"/>
      <c r="BI74" s="92"/>
      <c r="BJ74" s="92"/>
      <c r="BK74" s="92"/>
      <c r="BL74" s="92"/>
      <c r="BM74" s="92"/>
      <c r="BN74" s="92"/>
      <c r="BO74" s="92"/>
      <c r="BP74" s="92"/>
      <c r="BQ74" s="92"/>
      <c r="BR74" s="92"/>
      <c r="BS74" s="92"/>
      <c r="BT74" s="92"/>
      <c r="BU74" s="92"/>
      <c r="BV74" s="92"/>
      <c r="BW74" s="92"/>
      <c r="BX74" s="92"/>
      <c r="BY74" s="92"/>
      <c r="BZ74" s="92"/>
      <c r="CA74" s="92"/>
      <c r="CB74" s="92"/>
      <c r="CC74" s="92"/>
      <c r="CD74" s="92"/>
      <c r="CE74" s="92"/>
      <c r="CF74" s="92"/>
      <c r="CG74" s="92"/>
      <c r="CH74" s="92"/>
      <c r="CI74" s="92"/>
    </row>
    <row r="75" spans="2:87" ht="12.9" customHeight="1">
      <c r="B75" s="165" t="s">
        <v>30</v>
      </c>
      <c r="C75" s="165" t="s">
        <v>439</v>
      </c>
      <c r="D75" s="162"/>
      <c r="E75" s="169"/>
      <c r="F75" s="165" t="s">
        <v>31</v>
      </c>
      <c r="G75" s="165" t="s">
        <v>440</v>
      </c>
      <c r="H75" s="162"/>
      <c r="I75" s="169"/>
      <c r="J75" s="165" t="s">
        <v>32</v>
      </c>
      <c r="K75" s="165" t="s">
        <v>441</v>
      </c>
      <c r="L75" s="162"/>
      <c r="M75" s="92"/>
      <c r="N75" s="92"/>
      <c r="O75" s="92"/>
      <c r="P75" s="92"/>
      <c r="Q75" s="92"/>
      <c r="R75" s="92"/>
      <c r="S75" s="92"/>
      <c r="T75" s="92"/>
      <c r="U75" s="92"/>
      <c r="V75" s="92"/>
      <c r="W75" s="92"/>
      <c r="X75" s="92"/>
      <c r="Y75" s="92"/>
      <c r="Z75" s="92"/>
      <c r="AA75" s="92"/>
      <c r="AB75" s="92"/>
      <c r="AC75" s="92"/>
      <c r="AD75" s="92"/>
      <c r="AE75" s="92"/>
      <c r="AF75" s="92"/>
      <c r="AG75" s="92"/>
      <c r="AH75" s="92"/>
      <c r="AI75" s="92"/>
      <c r="AJ75" s="92"/>
      <c r="AK75" s="92"/>
      <c r="AL75" s="92"/>
      <c r="AM75" s="92"/>
      <c r="AN75" s="92"/>
      <c r="AO75" s="92"/>
      <c r="AP75" s="92"/>
      <c r="AQ75" s="92"/>
      <c r="AR75" s="92"/>
      <c r="AS75" s="92"/>
      <c r="AT75" s="92"/>
      <c r="AU75" s="92"/>
      <c r="AV75" s="92"/>
      <c r="AW75" s="92"/>
      <c r="AX75" s="92"/>
      <c r="AY75" s="92"/>
      <c r="AZ75" s="92"/>
      <c r="BA75" s="92"/>
      <c r="BB75" s="92"/>
      <c r="BC75" s="92"/>
      <c r="BD75" s="92"/>
      <c r="BE75" s="92"/>
      <c r="BF75" s="92"/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92"/>
      <c r="BR75" s="92"/>
      <c r="BS75" s="92"/>
      <c r="BT75" s="92"/>
      <c r="BU75" s="92"/>
      <c r="BV75" s="92"/>
      <c r="BW75" s="92"/>
      <c r="BX75" s="92"/>
      <c r="BY75" s="92"/>
      <c r="BZ75" s="92"/>
      <c r="CA75" s="92"/>
      <c r="CB75" s="92"/>
      <c r="CC75" s="92"/>
      <c r="CD75" s="92"/>
      <c r="CE75" s="92"/>
      <c r="CF75" s="92"/>
      <c r="CG75" s="92"/>
      <c r="CH75" s="92"/>
      <c r="CI75" s="92"/>
    </row>
    <row r="76" spans="2:87" ht="12.9" customHeight="1">
      <c r="B76" s="40">
        <v>49</v>
      </c>
      <c r="C76" s="41" t="s">
        <v>447</v>
      </c>
      <c r="D76" s="194"/>
      <c r="E76" s="169"/>
      <c r="F76" s="40">
        <v>57</v>
      </c>
      <c r="G76" s="154" t="s">
        <v>451</v>
      </c>
      <c r="H76" s="195"/>
      <c r="I76" s="169"/>
      <c r="J76" s="40">
        <v>8</v>
      </c>
      <c r="K76" s="41" t="s">
        <v>445</v>
      </c>
      <c r="L76" s="194"/>
      <c r="M76" s="92"/>
      <c r="N76" s="92"/>
      <c r="O76" s="92"/>
      <c r="P76" s="92"/>
      <c r="Q76" s="92"/>
      <c r="R76" s="92"/>
      <c r="S76" s="92"/>
      <c r="T76" s="92"/>
      <c r="U76" s="92"/>
      <c r="V76" s="92"/>
      <c r="W76" s="92"/>
      <c r="X76" s="92"/>
      <c r="Y76" s="92"/>
      <c r="Z76" s="92"/>
      <c r="AA76" s="92"/>
      <c r="AB76" s="92"/>
      <c r="AC76" s="92"/>
      <c r="AD76" s="92"/>
      <c r="AE76" s="92"/>
      <c r="AF76" s="92"/>
      <c r="AG76" s="92"/>
      <c r="AH76" s="92"/>
      <c r="AI76" s="92"/>
      <c r="AJ76" s="92"/>
      <c r="AK76" s="92"/>
      <c r="AL76" s="92"/>
      <c r="AM76" s="92"/>
      <c r="AN76" s="92"/>
      <c r="AO76" s="92"/>
      <c r="AP76" s="92"/>
      <c r="AQ76" s="92"/>
      <c r="AR76" s="92"/>
      <c r="AS76" s="92"/>
      <c r="AT76" s="92"/>
      <c r="AU76" s="92"/>
      <c r="AV76" s="92"/>
      <c r="AW76" s="92"/>
      <c r="AX76" s="92"/>
      <c r="AY76" s="92"/>
      <c r="AZ76" s="92"/>
      <c r="BA76" s="92"/>
      <c r="BB76" s="92"/>
      <c r="BC76" s="92"/>
      <c r="BD76" s="92"/>
      <c r="BE76" s="92"/>
      <c r="BF76" s="92"/>
      <c r="BG76" s="92"/>
      <c r="BH76" s="92"/>
      <c r="BI76" s="92"/>
      <c r="BJ76" s="92"/>
      <c r="BK76" s="92"/>
      <c r="BL76" s="92"/>
      <c r="BM76" s="92"/>
      <c r="BN76" s="92"/>
      <c r="BO76" s="92"/>
      <c r="BP76" s="92"/>
      <c r="BQ76" s="92"/>
      <c r="BR76" s="92"/>
      <c r="BS76" s="92"/>
      <c r="BT76" s="92"/>
      <c r="BU76" s="92"/>
      <c r="BV76" s="92"/>
      <c r="BW76" s="92"/>
      <c r="BX76" s="92"/>
      <c r="BY76" s="92"/>
      <c r="BZ76" s="92"/>
      <c r="CA76" s="92"/>
      <c r="CB76" s="92"/>
      <c r="CC76" s="92"/>
      <c r="CD76" s="92"/>
      <c r="CE76" s="92"/>
      <c r="CF76" s="92"/>
      <c r="CG76" s="92"/>
      <c r="CH76" s="92"/>
      <c r="CI76" s="92"/>
    </row>
    <row r="77" spans="2:87" ht="12.9" customHeight="1">
      <c r="B77" s="40">
        <v>52</v>
      </c>
      <c r="C77" s="41" t="s">
        <v>448</v>
      </c>
      <c r="D77" s="194"/>
      <c r="E77" s="169"/>
      <c r="F77" s="40">
        <v>16</v>
      </c>
      <c r="G77" s="154" t="s">
        <v>188</v>
      </c>
      <c r="H77" s="195"/>
      <c r="I77" s="169"/>
      <c r="J77" s="402">
        <v>2</v>
      </c>
      <c r="K77" s="41" t="s">
        <v>174</v>
      </c>
      <c r="L77" s="194"/>
      <c r="M77" s="92"/>
      <c r="N77" s="92"/>
      <c r="O77" s="92"/>
      <c r="P77" s="92"/>
      <c r="Q77" s="92"/>
      <c r="R77" s="92"/>
      <c r="S77" s="92"/>
      <c r="T77" s="92"/>
      <c r="U77" s="92"/>
      <c r="V77" s="92"/>
      <c r="W77" s="92"/>
      <c r="X77" s="92"/>
      <c r="Y77" s="92"/>
      <c r="Z77" s="92"/>
      <c r="AA77" s="92"/>
      <c r="AB77" s="92"/>
      <c r="AC77" s="92"/>
      <c r="AD77" s="92"/>
      <c r="AE77" s="92"/>
      <c r="AF77" s="92"/>
      <c r="AG77" s="92"/>
      <c r="AH77" s="92"/>
      <c r="AI77" s="92"/>
      <c r="AJ77" s="92"/>
      <c r="AK77" s="92"/>
      <c r="AL77" s="92"/>
      <c r="AM77" s="92"/>
      <c r="AN77" s="92"/>
      <c r="AO77" s="92"/>
      <c r="AP77" s="92"/>
      <c r="AQ77" s="92"/>
      <c r="AR77" s="92"/>
      <c r="AS77" s="92"/>
      <c r="AT77" s="92"/>
      <c r="AU77" s="92"/>
      <c r="AV77" s="92"/>
      <c r="AW77" s="92"/>
      <c r="AX77" s="92"/>
      <c r="AY77" s="92"/>
      <c r="AZ77" s="92"/>
      <c r="BA77" s="92"/>
      <c r="BB77" s="92"/>
      <c r="BC77" s="92"/>
      <c r="BD77" s="92"/>
      <c r="BE77" s="92"/>
      <c r="BF77" s="92"/>
      <c r="BG77" s="92"/>
      <c r="BH77" s="92"/>
      <c r="BI77" s="92"/>
      <c r="BJ77" s="92"/>
      <c r="BK77" s="92"/>
      <c r="BL77" s="92"/>
      <c r="BM77" s="92"/>
      <c r="BN77" s="92"/>
      <c r="BO77" s="92"/>
      <c r="BP77" s="92"/>
      <c r="BQ77" s="92"/>
      <c r="BR77" s="92"/>
      <c r="BS77" s="92"/>
      <c r="BT77" s="92"/>
      <c r="BU77" s="92"/>
      <c r="BV77" s="92"/>
      <c r="BW77" s="92"/>
      <c r="BX77" s="92"/>
      <c r="BY77" s="92"/>
      <c r="BZ77" s="92"/>
      <c r="CA77" s="92"/>
      <c r="CB77" s="92"/>
      <c r="CC77" s="92"/>
      <c r="CD77" s="92"/>
      <c r="CE77" s="92"/>
      <c r="CF77" s="92"/>
      <c r="CG77" s="92"/>
      <c r="CH77" s="92"/>
      <c r="CI77" s="92"/>
    </row>
    <row r="78" spans="2:87" ht="12.9" customHeight="1">
      <c r="B78" s="40">
        <v>53</v>
      </c>
      <c r="C78" s="41" t="s">
        <v>449</v>
      </c>
      <c r="D78" s="194"/>
      <c r="E78" s="169"/>
      <c r="F78" s="40">
        <v>7</v>
      </c>
      <c r="G78" s="154" t="s">
        <v>133</v>
      </c>
      <c r="H78" s="195"/>
      <c r="I78" s="169"/>
      <c r="J78" s="40">
        <v>17</v>
      </c>
      <c r="K78" s="41" t="s">
        <v>148</v>
      </c>
      <c r="L78" s="194"/>
      <c r="M78" s="92"/>
      <c r="N78" s="92"/>
      <c r="O78" s="92"/>
      <c r="P78" s="92"/>
      <c r="Q78" s="92"/>
      <c r="R78" s="92"/>
      <c r="S78" s="92"/>
      <c r="T78" s="92"/>
      <c r="U78" s="92"/>
      <c r="V78" s="92"/>
      <c r="W78" s="92"/>
      <c r="X78" s="92"/>
      <c r="Y78" s="92"/>
      <c r="Z78" s="92"/>
      <c r="AA78" s="92"/>
      <c r="AB78" s="92"/>
      <c r="AC78" s="92"/>
      <c r="AD78" s="92"/>
      <c r="AE78" s="92"/>
      <c r="AF78" s="92"/>
      <c r="AG78" s="92"/>
      <c r="AH78" s="92"/>
      <c r="AI78" s="92"/>
      <c r="AJ78" s="92"/>
      <c r="AK78" s="92"/>
      <c r="AL78" s="92"/>
      <c r="AM78" s="92"/>
      <c r="AN78" s="92"/>
      <c r="AO78" s="92"/>
      <c r="AP78" s="92"/>
      <c r="AQ78" s="92"/>
      <c r="AR78" s="92"/>
      <c r="AS78" s="92"/>
      <c r="AT78" s="92"/>
      <c r="AU78" s="92"/>
      <c r="AV78" s="92"/>
      <c r="AW78" s="92"/>
      <c r="AX78" s="92"/>
      <c r="AY78" s="92"/>
      <c r="AZ78" s="92"/>
      <c r="BA78" s="92"/>
      <c r="BB78" s="92"/>
      <c r="BC78" s="92"/>
      <c r="BD78" s="92"/>
      <c r="BE78" s="92"/>
      <c r="BF78" s="92"/>
      <c r="BG78" s="92"/>
      <c r="BH78" s="92"/>
      <c r="BI78" s="92"/>
      <c r="BJ78" s="92"/>
      <c r="BK78" s="92"/>
      <c r="BL78" s="92"/>
      <c r="BM78" s="92"/>
      <c r="BN78" s="92"/>
      <c r="BO78" s="92"/>
      <c r="BP78" s="92"/>
      <c r="BQ78" s="92"/>
      <c r="BR78" s="92"/>
      <c r="BS78" s="92"/>
      <c r="BT78" s="92"/>
      <c r="BU78" s="92"/>
      <c r="BV78" s="92"/>
      <c r="BW78" s="92"/>
      <c r="BX78" s="92"/>
      <c r="BY78" s="92"/>
      <c r="BZ78" s="92"/>
      <c r="CA78" s="92"/>
      <c r="CB78" s="92"/>
      <c r="CC78" s="92"/>
      <c r="CD78" s="92"/>
      <c r="CE78" s="92"/>
      <c r="CF78" s="92"/>
      <c r="CG78" s="92"/>
      <c r="CH78" s="92"/>
      <c r="CI78" s="92"/>
    </row>
    <row r="79" spans="2:87" ht="12.9" customHeight="1">
      <c r="B79" s="40">
        <v>56</v>
      </c>
      <c r="C79" s="41" t="s">
        <v>450</v>
      </c>
      <c r="D79" s="194"/>
      <c r="E79" s="169"/>
      <c r="F79" s="40">
        <v>14</v>
      </c>
      <c r="G79" s="154" t="s">
        <v>444</v>
      </c>
      <c r="H79" s="195"/>
      <c r="I79" s="169"/>
      <c r="J79" s="40">
        <v>13</v>
      </c>
      <c r="K79" s="41" t="s">
        <v>143</v>
      </c>
      <c r="L79" s="194"/>
      <c r="M79" s="92"/>
      <c r="N79" s="92"/>
      <c r="O79" s="92"/>
      <c r="P79" s="92"/>
      <c r="Q79" s="92"/>
      <c r="R79" s="92"/>
      <c r="S79" s="92"/>
      <c r="T79" s="92"/>
      <c r="U79" s="92"/>
      <c r="V79" s="92"/>
      <c r="W79" s="92"/>
      <c r="X79" s="92"/>
      <c r="Y79" s="92"/>
      <c r="Z79" s="92"/>
      <c r="AA79" s="92"/>
      <c r="AB79" s="92"/>
      <c r="AC79" s="92"/>
      <c r="AD79" s="92"/>
      <c r="AE79" s="92"/>
      <c r="AF79" s="92"/>
      <c r="AG79" s="92"/>
      <c r="AH79" s="92"/>
      <c r="AI79" s="92"/>
      <c r="AJ79" s="92"/>
      <c r="AK79" s="92"/>
      <c r="AL79" s="92"/>
      <c r="AM79" s="92"/>
      <c r="AN79" s="92"/>
      <c r="AO79" s="92"/>
      <c r="AP79" s="92"/>
      <c r="AQ79" s="92"/>
      <c r="AR79" s="92"/>
      <c r="AS79" s="92"/>
      <c r="AT79" s="92"/>
      <c r="AU79" s="92"/>
      <c r="AV79" s="92"/>
      <c r="AW79" s="92"/>
      <c r="AX79" s="92"/>
      <c r="AY79" s="92"/>
      <c r="AZ79" s="92"/>
      <c r="BA79" s="92"/>
      <c r="BB79" s="92"/>
      <c r="BC79" s="92"/>
      <c r="BD79" s="92"/>
      <c r="BE79" s="92"/>
      <c r="BF79" s="92"/>
      <c r="BG79" s="92"/>
      <c r="BH79" s="92"/>
      <c r="BI79" s="92"/>
      <c r="BJ79" s="92"/>
      <c r="BK79" s="92"/>
      <c r="BL79" s="92"/>
      <c r="BM79" s="92"/>
      <c r="BN79" s="92"/>
      <c r="BO79" s="92"/>
      <c r="BP79" s="92"/>
      <c r="BQ79" s="92"/>
      <c r="BR79" s="92"/>
      <c r="BS79" s="92"/>
      <c r="BT79" s="92"/>
      <c r="BU79" s="92"/>
      <c r="BV79" s="92"/>
      <c r="BW79" s="92"/>
      <c r="BX79" s="92"/>
      <c r="BY79" s="92"/>
      <c r="BZ79" s="92"/>
      <c r="CA79" s="92"/>
      <c r="CB79" s="92"/>
      <c r="CC79" s="92"/>
      <c r="CD79" s="92"/>
      <c r="CE79" s="92"/>
      <c r="CF79" s="92"/>
      <c r="CG79" s="92"/>
      <c r="CH79" s="92"/>
      <c r="CI79" s="92"/>
    </row>
    <row r="80" spans="2:87" ht="12.9" customHeight="1">
      <c r="B80" s="40"/>
      <c r="C80" s="41"/>
      <c r="D80" s="194"/>
      <c r="E80" s="169"/>
      <c r="F80" s="40"/>
      <c r="G80" s="154"/>
      <c r="H80" s="195"/>
      <c r="I80" s="169"/>
      <c r="J80" s="40"/>
      <c r="K80" s="41"/>
      <c r="L80" s="194"/>
      <c r="M80" s="92"/>
      <c r="N80" s="92"/>
      <c r="O80" s="92"/>
      <c r="P80" s="92"/>
      <c r="Q80" s="92"/>
      <c r="R80" s="92"/>
      <c r="S80" s="92"/>
      <c r="T80" s="92"/>
      <c r="U80" s="92"/>
      <c r="V80" s="92"/>
      <c r="W80" s="92"/>
      <c r="X80" s="92"/>
      <c r="Y80" s="92"/>
      <c r="Z80" s="92"/>
      <c r="AA80" s="92"/>
      <c r="AB80" s="92"/>
      <c r="AC80" s="92"/>
      <c r="AD80" s="92"/>
      <c r="AE80" s="92"/>
      <c r="AF80" s="92"/>
      <c r="AG80" s="92"/>
      <c r="AH80" s="92"/>
      <c r="AI80" s="92"/>
      <c r="AJ80" s="92"/>
      <c r="AK80" s="92"/>
      <c r="AL80" s="92"/>
      <c r="AM80" s="92"/>
      <c r="AN80" s="92"/>
      <c r="AO80" s="92"/>
      <c r="AP80" s="92"/>
      <c r="AQ80" s="92"/>
      <c r="AR80" s="92"/>
      <c r="AS80" s="92"/>
      <c r="AT80" s="92"/>
      <c r="AU80" s="92"/>
      <c r="AV80" s="92"/>
      <c r="AW80" s="92"/>
      <c r="AX80" s="92"/>
      <c r="AY80" s="92"/>
      <c r="AZ80" s="92"/>
      <c r="BA80" s="92"/>
      <c r="BB80" s="92"/>
      <c r="BC80" s="92"/>
      <c r="BD80" s="92"/>
      <c r="BE80" s="92"/>
      <c r="BF80" s="92"/>
      <c r="BG80" s="92"/>
      <c r="BH80" s="92"/>
      <c r="BI80" s="92"/>
      <c r="BJ80" s="92"/>
      <c r="BK80" s="92"/>
      <c r="BL80" s="92"/>
      <c r="BM80" s="92"/>
      <c r="BN80" s="92"/>
      <c r="BO80" s="92"/>
      <c r="BP80" s="92"/>
      <c r="BQ80" s="92"/>
      <c r="BR80" s="92"/>
      <c r="BS80" s="92"/>
      <c r="BT80" s="92"/>
      <c r="BU80" s="92"/>
      <c r="BV80" s="92"/>
      <c r="BW80" s="92"/>
      <c r="BX80" s="92"/>
      <c r="BY80" s="92"/>
      <c r="BZ80" s="92"/>
      <c r="CA80" s="92"/>
      <c r="CB80" s="92"/>
      <c r="CC80" s="92"/>
      <c r="CD80" s="92"/>
      <c r="CE80" s="92"/>
      <c r="CF80" s="92"/>
      <c r="CG80" s="92"/>
      <c r="CH80" s="92"/>
      <c r="CI80" s="92"/>
    </row>
    <row r="81" spans="2:87" ht="12.9" customHeight="1">
      <c r="B81" s="40"/>
      <c r="C81" s="41"/>
      <c r="D81" s="194"/>
      <c r="E81" s="169"/>
      <c r="F81" s="40"/>
      <c r="G81" s="154"/>
      <c r="H81" s="195"/>
      <c r="I81" s="169"/>
      <c r="J81" s="40"/>
      <c r="K81" s="41"/>
      <c r="L81" s="194"/>
      <c r="M81" s="92"/>
      <c r="N81" s="92"/>
      <c r="O81" s="92"/>
      <c r="P81" s="92"/>
      <c r="Q81" s="92"/>
      <c r="R81" s="92"/>
      <c r="S81" s="92"/>
      <c r="T81" s="92"/>
      <c r="U81" s="92"/>
      <c r="V81" s="92"/>
      <c r="W81" s="92"/>
      <c r="X81" s="92"/>
      <c r="Y81" s="92"/>
      <c r="Z81" s="92"/>
      <c r="AA81" s="92"/>
      <c r="AB81" s="92"/>
      <c r="AC81" s="92"/>
      <c r="AD81" s="92"/>
      <c r="AE81" s="92"/>
      <c r="AF81" s="92"/>
      <c r="AG81" s="92"/>
      <c r="AH81" s="92"/>
      <c r="AI81" s="92"/>
      <c r="AJ81" s="92"/>
      <c r="AK81" s="92"/>
      <c r="AL81" s="92"/>
      <c r="AM81" s="92"/>
      <c r="AN81" s="92"/>
      <c r="AO81" s="92"/>
      <c r="AP81" s="92"/>
      <c r="AQ81" s="92"/>
      <c r="AR81" s="92"/>
      <c r="AS81" s="92"/>
      <c r="AT81" s="92"/>
      <c r="AU81" s="92"/>
      <c r="AV81" s="92"/>
      <c r="AW81" s="92"/>
      <c r="AX81" s="92"/>
      <c r="AY81" s="92"/>
      <c r="AZ81" s="92"/>
      <c r="BA81" s="92"/>
      <c r="BB81" s="92"/>
      <c r="BC81" s="92"/>
      <c r="BD81" s="92"/>
      <c r="BE81" s="92"/>
      <c r="BF81" s="92"/>
      <c r="BG81" s="92"/>
      <c r="BH81" s="92"/>
      <c r="BI81" s="92"/>
      <c r="BJ81" s="92"/>
      <c r="BK81" s="92"/>
      <c r="BL81" s="92"/>
      <c r="BM81" s="92"/>
      <c r="BN81" s="92"/>
      <c r="BO81" s="92"/>
      <c r="BP81" s="92"/>
      <c r="BQ81" s="92"/>
      <c r="BR81" s="92"/>
      <c r="BS81" s="92"/>
      <c r="BT81" s="92"/>
      <c r="BU81" s="92"/>
      <c r="BV81" s="92"/>
      <c r="BW81" s="92"/>
      <c r="BX81" s="92"/>
      <c r="BY81" s="92"/>
      <c r="BZ81" s="92"/>
      <c r="CA81" s="92"/>
      <c r="CB81" s="92"/>
      <c r="CC81" s="92"/>
      <c r="CD81" s="92"/>
      <c r="CE81" s="92"/>
      <c r="CF81" s="92"/>
      <c r="CG81" s="92"/>
      <c r="CH81" s="92"/>
      <c r="CI81" s="92"/>
    </row>
    <row r="82" spans="2:87" ht="12.9" customHeight="1">
      <c r="B82" s="180"/>
      <c r="C82" s="180"/>
      <c r="D82" s="172"/>
      <c r="E82" s="169"/>
      <c r="F82" s="180"/>
      <c r="G82" s="180"/>
      <c r="H82" s="172"/>
      <c r="I82" s="169"/>
      <c r="J82" s="180"/>
      <c r="K82" s="180"/>
      <c r="L82" s="172"/>
      <c r="M82" s="92"/>
      <c r="N82" s="92"/>
      <c r="O82" s="92"/>
      <c r="P82" s="92"/>
      <c r="Q82" s="92"/>
      <c r="R82" s="92"/>
      <c r="S82" s="92"/>
      <c r="T82" s="92"/>
      <c r="U82" s="92"/>
      <c r="V82" s="92"/>
      <c r="W82" s="92"/>
      <c r="X82" s="92"/>
      <c r="Y82" s="92"/>
      <c r="Z82" s="92"/>
      <c r="AA82" s="92"/>
      <c r="AB82" s="92"/>
      <c r="AC82" s="92"/>
      <c r="AD82" s="92"/>
      <c r="AE82" s="92"/>
      <c r="AF82" s="92"/>
      <c r="AG82" s="92"/>
      <c r="AH82" s="92"/>
      <c r="AI82" s="92"/>
      <c r="AJ82" s="92"/>
      <c r="AK82" s="92"/>
      <c r="AL82" s="92"/>
      <c r="AM82" s="92"/>
      <c r="AN82" s="92"/>
      <c r="AO82" s="92"/>
      <c r="AP82" s="92"/>
      <c r="AQ82" s="92"/>
      <c r="AR82" s="92"/>
      <c r="AS82" s="92"/>
      <c r="AT82" s="92"/>
      <c r="AU82" s="92"/>
      <c r="AV82" s="92"/>
      <c r="AW82" s="92"/>
      <c r="AX82" s="92"/>
      <c r="AY82" s="92"/>
      <c r="AZ82" s="92"/>
      <c r="BA82" s="92"/>
      <c r="BB82" s="92"/>
      <c r="BC82" s="92"/>
      <c r="BD82" s="92"/>
      <c r="BE82" s="92"/>
      <c r="BF82" s="92"/>
      <c r="BG82" s="92"/>
      <c r="BH82" s="92"/>
      <c r="BI82" s="92"/>
      <c r="BJ82" s="92"/>
      <c r="BK82" s="92"/>
      <c r="BL82" s="92"/>
      <c r="BM82" s="92"/>
      <c r="BN82" s="92"/>
      <c r="BO82" s="92"/>
      <c r="BP82" s="92"/>
      <c r="BQ82" s="92"/>
      <c r="BR82" s="92"/>
      <c r="BS82" s="92"/>
      <c r="BT82" s="92"/>
      <c r="BU82" s="92"/>
      <c r="BV82" s="92"/>
      <c r="BW82" s="92"/>
      <c r="BX82" s="92"/>
      <c r="BY82" s="92"/>
      <c r="BZ82" s="92"/>
      <c r="CA82" s="92"/>
      <c r="CB82" s="92"/>
      <c r="CC82" s="92"/>
      <c r="CD82" s="92"/>
      <c r="CE82" s="92"/>
      <c r="CF82" s="92"/>
      <c r="CG82" s="92"/>
      <c r="CH82" s="92"/>
      <c r="CI82" s="92"/>
    </row>
    <row r="83" spans="2:87" ht="12.9" customHeight="1">
      <c r="B83" s="165" t="s">
        <v>33</v>
      </c>
      <c r="C83" s="165"/>
      <c r="D83" s="162"/>
      <c r="E83" s="157"/>
      <c r="F83" s="394" t="s">
        <v>5</v>
      </c>
      <c r="G83" s="395" t="s">
        <v>34</v>
      </c>
      <c r="I83" s="394"/>
      <c r="J83" s="394" t="s">
        <v>429</v>
      </c>
      <c r="K83" s="158"/>
      <c r="L83" s="156"/>
      <c r="M83" s="92"/>
      <c r="S83" s="92"/>
      <c r="T83" s="92"/>
      <c r="U83" s="92"/>
      <c r="V83" s="92"/>
      <c r="W83" s="92"/>
      <c r="X83" s="92"/>
      <c r="Y83" s="92"/>
      <c r="Z83" s="92"/>
      <c r="AA83" s="92"/>
      <c r="AB83" s="92"/>
      <c r="AC83" s="92"/>
      <c r="AD83" s="92"/>
      <c r="AE83" s="92"/>
      <c r="AF83" s="92"/>
      <c r="AG83" s="92"/>
      <c r="AH83" s="92"/>
      <c r="AI83" s="92"/>
      <c r="AJ83" s="92"/>
      <c r="AK83" s="92"/>
      <c r="AL83" s="92"/>
      <c r="AM83" s="92"/>
      <c r="AN83" s="92"/>
      <c r="AO83" s="92"/>
      <c r="AP83" s="92"/>
      <c r="AQ83" s="92"/>
      <c r="AR83" s="92"/>
      <c r="AS83" s="92"/>
      <c r="AT83" s="92"/>
      <c r="AU83" s="92"/>
      <c r="AV83" s="92"/>
      <c r="AW83" s="92"/>
      <c r="AX83" s="92"/>
      <c r="AY83" s="92"/>
      <c r="AZ83" s="92"/>
      <c r="BA83" s="92"/>
      <c r="BB83" s="92"/>
      <c r="BC83" s="92"/>
      <c r="BD83" s="92"/>
      <c r="BE83" s="92"/>
      <c r="BF83" s="92"/>
      <c r="BG83" s="92"/>
      <c r="BH83" s="92"/>
      <c r="BI83" s="92"/>
      <c r="BJ83" s="92"/>
      <c r="BK83" s="92"/>
      <c r="BL83" s="92"/>
      <c r="BM83" s="92"/>
      <c r="BN83" s="92"/>
      <c r="BO83" s="92"/>
      <c r="BP83" s="92"/>
      <c r="BQ83" s="92"/>
      <c r="BR83" s="92"/>
      <c r="BS83" s="92"/>
      <c r="BT83" s="92"/>
      <c r="BU83" s="92"/>
      <c r="BV83" s="92"/>
      <c r="BW83" s="92"/>
      <c r="BX83" s="92"/>
      <c r="BY83" s="92"/>
      <c r="BZ83" s="92"/>
      <c r="CA83" s="92"/>
      <c r="CB83" s="92"/>
      <c r="CC83" s="92"/>
      <c r="CD83" s="92"/>
      <c r="CE83" s="92"/>
      <c r="CF83" s="92"/>
      <c r="CG83" s="92"/>
      <c r="CH83" s="92"/>
      <c r="CI83" s="92"/>
    </row>
    <row r="84" spans="2:87" ht="12.9" customHeight="1">
      <c r="B84" s="40"/>
      <c r="C84" s="41"/>
      <c r="D84" s="194"/>
      <c r="E84" s="157"/>
      <c r="F84" s="366">
        <v>1</v>
      </c>
      <c r="G84" s="457" t="s">
        <v>438</v>
      </c>
      <c r="H84" s="457"/>
      <c r="I84" s="457"/>
      <c r="J84" s="366" t="s">
        <v>455</v>
      </c>
      <c r="K84" s="158"/>
      <c r="L84" s="156"/>
      <c r="M84" s="92"/>
      <c r="S84" s="92"/>
      <c r="T84" s="92"/>
      <c r="U84" s="92"/>
      <c r="V84" s="92"/>
      <c r="W84" s="92"/>
      <c r="X84" s="92"/>
      <c r="Y84" s="92"/>
      <c r="Z84" s="92"/>
      <c r="AA84" s="92"/>
      <c r="AB84" s="92"/>
      <c r="AC84" s="92"/>
      <c r="AD84" s="92"/>
      <c r="AE84" s="92"/>
      <c r="AF84" s="92"/>
      <c r="AG84" s="92"/>
      <c r="AH84" s="92"/>
      <c r="AI84" s="92"/>
      <c r="AJ84" s="92"/>
      <c r="AK84" s="92"/>
      <c r="AL84" s="92"/>
      <c r="AM84" s="92"/>
      <c r="AN84" s="92"/>
      <c r="AO84" s="92"/>
      <c r="AP84" s="92"/>
      <c r="AQ84" s="92"/>
      <c r="AR84" s="92"/>
      <c r="AS84" s="92"/>
      <c r="AT84" s="92"/>
      <c r="AU84" s="92"/>
      <c r="AV84" s="92"/>
      <c r="AW84" s="92"/>
      <c r="AX84" s="92"/>
      <c r="AY84" s="92"/>
      <c r="AZ84" s="92"/>
      <c r="BA84" s="92"/>
      <c r="BB84" s="92"/>
      <c r="BC84" s="92"/>
      <c r="BD84" s="92"/>
      <c r="BE84" s="92"/>
      <c r="BF84" s="92"/>
      <c r="BG84" s="92"/>
      <c r="BH84" s="92"/>
      <c r="BI84" s="92"/>
      <c r="BJ84" s="92"/>
      <c r="BK84" s="92"/>
      <c r="BL84" s="92"/>
      <c r="BM84" s="92"/>
      <c r="BN84" s="92"/>
      <c r="BO84" s="92"/>
      <c r="BP84" s="92"/>
      <c r="BQ84" s="92"/>
      <c r="BR84" s="92"/>
      <c r="BS84" s="92"/>
      <c r="BT84" s="92"/>
      <c r="BU84" s="92"/>
      <c r="BV84" s="92"/>
      <c r="BW84" s="92"/>
      <c r="BX84" s="92"/>
      <c r="BY84" s="92"/>
      <c r="BZ84" s="92"/>
      <c r="CA84" s="92"/>
      <c r="CB84" s="92"/>
      <c r="CC84" s="92"/>
      <c r="CD84" s="92"/>
      <c r="CE84" s="92"/>
      <c r="CF84" s="92"/>
      <c r="CG84" s="92"/>
      <c r="CH84" s="92"/>
      <c r="CI84" s="92"/>
    </row>
    <row r="85" spans="2:87" ht="12.9" customHeight="1">
      <c r="B85" s="40"/>
      <c r="C85" s="41"/>
      <c r="D85" s="194"/>
      <c r="E85" s="157"/>
      <c r="F85" s="176">
        <v>2</v>
      </c>
      <c r="G85" s="460" t="s">
        <v>441</v>
      </c>
      <c r="H85" s="460"/>
      <c r="I85" s="460"/>
      <c r="J85" s="366" t="s">
        <v>456</v>
      </c>
      <c r="K85" s="158"/>
      <c r="L85" s="156"/>
      <c r="M85" s="92"/>
      <c r="S85" s="92"/>
      <c r="T85" s="92"/>
      <c r="U85" s="92"/>
      <c r="V85" s="92"/>
      <c r="W85" s="92"/>
      <c r="X85" s="92"/>
      <c r="Y85" s="92"/>
      <c r="Z85" s="92"/>
      <c r="AA85" s="92"/>
      <c r="AB85" s="92"/>
      <c r="AC85" s="92"/>
      <c r="AD85" s="92"/>
      <c r="AE85" s="92"/>
      <c r="AF85" s="92"/>
      <c r="AG85" s="92"/>
      <c r="AH85" s="92"/>
      <c r="AI85" s="92"/>
      <c r="AJ85" s="92"/>
      <c r="AK85" s="92"/>
      <c r="AL85" s="92"/>
      <c r="AM85" s="92"/>
      <c r="AN85" s="92"/>
      <c r="AO85" s="92"/>
      <c r="AP85" s="92"/>
      <c r="AQ85" s="92"/>
      <c r="AR85" s="92"/>
      <c r="AS85" s="92"/>
      <c r="AT85" s="92"/>
      <c r="AU85" s="92"/>
      <c r="AV85" s="92"/>
      <c r="AW85" s="92"/>
      <c r="AX85" s="92"/>
      <c r="AY85" s="92"/>
      <c r="AZ85" s="92"/>
      <c r="BA85" s="92"/>
      <c r="BB85" s="92"/>
      <c r="BC85" s="92"/>
      <c r="BD85" s="92"/>
      <c r="BE85" s="92"/>
      <c r="BF85" s="92"/>
      <c r="BG85" s="92"/>
      <c r="BH85" s="92"/>
      <c r="BI85" s="92"/>
      <c r="BJ85" s="92"/>
      <c r="BK85" s="92"/>
      <c r="BL85" s="92"/>
      <c r="BM85" s="92"/>
      <c r="BN85" s="92"/>
      <c r="BO85" s="92"/>
      <c r="BP85" s="92"/>
      <c r="BQ85" s="92"/>
      <c r="BR85" s="92"/>
      <c r="BS85" s="92"/>
      <c r="BT85" s="92"/>
      <c r="BU85" s="92"/>
      <c r="BV85" s="92"/>
      <c r="BW85" s="92"/>
      <c r="BX85" s="92"/>
      <c r="BY85" s="92"/>
      <c r="BZ85" s="92"/>
      <c r="CA85" s="92"/>
      <c r="CB85" s="92"/>
      <c r="CC85" s="92"/>
      <c r="CD85" s="92"/>
      <c r="CE85" s="92"/>
      <c r="CF85" s="92"/>
      <c r="CG85" s="92"/>
      <c r="CH85" s="92"/>
      <c r="CI85" s="92"/>
    </row>
    <row r="86" spans="2:87" ht="12.9" customHeight="1">
      <c r="B86" s="40"/>
      <c r="C86" s="154"/>
      <c r="D86" s="195"/>
      <c r="E86" s="157"/>
      <c r="F86" s="176">
        <v>3</v>
      </c>
      <c r="G86" s="456" t="s">
        <v>439</v>
      </c>
      <c r="H86" s="456"/>
      <c r="I86" s="456"/>
      <c r="J86" s="366" t="s">
        <v>457</v>
      </c>
      <c r="K86" s="158"/>
      <c r="L86" s="156"/>
      <c r="M86" s="92"/>
      <c r="S86" s="92"/>
      <c r="T86" s="92"/>
      <c r="U86" s="92"/>
      <c r="V86" s="92"/>
      <c r="W86" s="92"/>
      <c r="X86" s="92"/>
      <c r="Y86" s="92"/>
      <c r="Z86" s="92"/>
      <c r="AA86" s="92"/>
      <c r="AB86" s="92"/>
      <c r="AC86" s="92"/>
      <c r="AD86" s="92"/>
      <c r="AE86" s="92"/>
      <c r="AF86" s="92"/>
      <c r="AG86" s="92"/>
      <c r="AH86" s="92"/>
      <c r="AI86" s="92"/>
      <c r="AJ86" s="92"/>
      <c r="AK86" s="92"/>
      <c r="AL86" s="92"/>
      <c r="AM86" s="92"/>
      <c r="AN86" s="92"/>
      <c r="AO86" s="92"/>
      <c r="AP86" s="92"/>
      <c r="AQ86" s="92"/>
      <c r="AR86" s="92"/>
      <c r="AS86" s="92"/>
      <c r="AT86" s="92"/>
      <c r="AU86" s="92"/>
      <c r="AV86" s="92"/>
      <c r="AW86" s="92"/>
      <c r="AX86" s="92"/>
      <c r="AY86" s="92"/>
      <c r="AZ86" s="92"/>
      <c r="BA86" s="92"/>
      <c r="BB86" s="92"/>
      <c r="BC86" s="92"/>
      <c r="BD86" s="92"/>
      <c r="BE86" s="92"/>
      <c r="BF86" s="92"/>
      <c r="BG86" s="92"/>
      <c r="BH86" s="92"/>
      <c r="BI86" s="92"/>
      <c r="BJ86" s="92"/>
      <c r="BK86" s="92"/>
      <c r="BL86" s="92"/>
      <c r="BM86" s="92"/>
      <c r="BN86" s="92"/>
      <c r="BO86" s="92"/>
      <c r="BP86" s="92"/>
      <c r="BQ86" s="92"/>
      <c r="BR86" s="92"/>
      <c r="BS86" s="92"/>
      <c r="BT86" s="92"/>
      <c r="BU86" s="92"/>
      <c r="BV86" s="92"/>
      <c r="BW86" s="92"/>
      <c r="BX86" s="92"/>
      <c r="BY86" s="92"/>
      <c r="BZ86" s="92"/>
      <c r="CA86" s="92"/>
      <c r="CB86" s="92"/>
      <c r="CC86" s="92"/>
      <c r="CD86" s="92"/>
      <c r="CE86" s="92"/>
      <c r="CF86" s="92"/>
      <c r="CG86" s="92"/>
      <c r="CH86" s="92"/>
      <c r="CI86" s="92"/>
    </row>
    <row r="87" spans="2:87" ht="12.9" customHeight="1">
      <c r="B87" s="40"/>
      <c r="C87" s="41"/>
      <c r="D87" s="194"/>
      <c r="E87" s="157"/>
      <c r="F87" s="176">
        <v>4</v>
      </c>
      <c r="G87" s="455" t="s">
        <v>437</v>
      </c>
      <c r="H87" s="455"/>
      <c r="I87" s="455"/>
      <c r="J87" s="366" t="s">
        <v>458</v>
      </c>
      <c r="K87" s="158"/>
      <c r="L87" s="156"/>
      <c r="M87" s="92"/>
      <c r="S87" s="92"/>
      <c r="T87" s="92"/>
      <c r="U87" s="92"/>
      <c r="V87" s="92"/>
      <c r="W87" s="92"/>
      <c r="X87" s="92"/>
      <c r="Y87" s="92"/>
      <c r="Z87" s="92"/>
      <c r="AA87" s="92"/>
      <c r="AB87" s="92"/>
      <c r="AC87" s="92"/>
      <c r="AD87" s="92"/>
      <c r="AE87" s="92"/>
      <c r="AF87" s="92"/>
      <c r="AG87" s="92"/>
      <c r="AH87" s="92"/>
      <c r="AI87" s="92"/>
      <c r="AJ87" s="92"/>
      <c r="AK87" s="92"/>
      <c r="AL87" s="92"/>
      <c r="AM87" s="92"/>
      <c r="AN87" s="92"/>
      <c r="AO87" s="92"/>
      <c r="AP87" s="92"/>
      <c r="AQ87" s="92"/>
      <c r="AR87" s="92"/>
      <c r="AS87" s="92"/>
      <c r="AT87" s="92"/>
      <c r="AU87" s="92"/>
      <c r="AV87" s="92"/>
      <c r="AW87" s="92"/>
      <c r="AX87" s="92"/>
      <c r="AY87" s="92"/>
      <c r="AZ87" s="92"/>
      <c r="BA87" s="92"/>
      <c r="BB87" s="92"/>
      <c r="BC87" s="92"/>
      <c r="BD87" s="92"/>
      <c r="BE87" s="92"/>
      <c r="BF87" s="92"/>
      <c r="BG87" s="92"/>
      <c r="BH87" s="92"/>
      <c r="BI87" s="92"/>
      <c r="BJ87" s="92"/>
      <c r="BK87" s="92"/>
      <c r="BL87" s="92"/>
      <c r="BM87" s="92"/>
      <c r="BN87" s="92"/>
      <c r="BO87" s="92"/>
      <c r="BP87" s="92"/>
      <c r="BQ87" s="92"/>
      <c r="BR87" s="92"/>
      <c r="BS87" s="92"/>
      <c r="BT87" s="92"/>
      <c r="BU87" s="92"/>
      <c r="BV87" s="92"/>
      <c r="BW87" s="92"/>
      <c r="BX87" s="92"/>
      <c r="BY87" s="92"/>
      <c r="BZ87" s="92"/>
      <c r="CA87" s="92"/>
      <c r="CB87" s="92"/>
      <c r="CC87" s="92"/>
      <c r="CD87" s="92"/>
      <c r="CE87" s="92"/>
      <c r="CF87" s="92"/>
      <c r="CG87" s="92"/>
      <c r="CH87" s="92"/>
      <c r="CI87" s="92"/>
    </row>
    <row r="88" spans="2:87" ht="12.9" customHeight="1">
      <c r="B88" s="40"/>
      <c r="C88" s="41"/>
      <c r="D88" s="194"/>
      <c r="E88" s="157"/>
      <c r="F88" s="176">
        <v>5</v>
      </c>
      <c r="G88" s="455" t="s">
        <v>440</v>
      </c>
      <c r="H88" s="455"/>
      <c r="I88" s="455"/>
      <c r="J88" s="366" t="s">
        <v>459</v>
      </c>
      <c r="K88" s="158"/>
      <c r="L88" s="156"/>
      <c r="M88" s="92"/>
      <c r="S88" s="92"/>
      <c r="T88" s="92"/>
      <c r="U88" s="92"/>
      <c r="V88" s="92"/>
      <c r="W88" s="92"/>
      <c r="X88" s="92"/>
      <c r="Y88" s="92"/>
      <c r="Z88" s="92"/>
      <c r="AA88" s="92"/>
      <c r="AB88" s="92"/>
      <c r="AC88" s="92"/>
      <c r="AD88" s="92"/>
      <c r="AE88" s="92"/>
      <c r="AF88" s="92"/>
      <c r="AG88" s="92"/>
      <c r="AH88" s="92"/>
      <c r="AI88" s="92"/>
      <c r="AJ88" s="92"/>
      <c r="AK88" s="92"/>
      <c r="AL88" s="92"/>
      <c r="AM88" s="92"/>
      <c r="AN88" s="92"/>
      <c r="AO88" s="92"/>
      <c r="AP88" s="92"/>
      <c r="AQ88" s="92"/>
      <c r="AR88" s="92"/>
      <c r="AS88" s="92"/>
      <c r="AT88" s="92"/>
      <c r="AU88" s="92"/>
      <c r="AV88" s="92"/>
      <c r="AW88" s="92"/>
      <c r="AX88" s="92"/>
      <c r="AY88" s="92"/>
      <c r="AZ88" s="92"/>
      <c r="BA88" s="92"/>
      <c r="BB88" s="92"/>
      <c r="BC88" s="92"/>
      <c r="BD88" s="92"/>
      <c r="BE88" s="92"/>
      <c r="BF88" s="92"/>
      <c r="BG88" s="92"/>
      <c r="BH88" s="92"/>
      <c r="BI88" s="92"/>
      <c r="BJ88" s="92"/>
      <c r="BK88" s="92"/>
      <c r="BL88" s="92"/>
      <c r="BM88" s="92"/>
      <c r="BN88" s="92"/>
      <c r="BO88" s="92"/>
      <c r="BP88" s="92"/>
      <c r="BQ88" s="92"/>
      <c r="BR88" s="92"/>
      <c r="BS88" s="92"/>
      <c r="BT88" s="92"/>
      <c r="BU88" s="92"/>
      <c r="BV88" s="92"/>
      <c r="BW88" s="92"/>
      <c r="BX88" s="92"/>
      <c r="BY88" s="92"/>
      <c r="BZ88" s="92"/>
      <c r="CA88" s="92"/>
      <c r="CB88" s="92"/>
      <c r="CC88" s="92"/>
      <c r="CD88" s="92"/>
      <c r="CE88" s="92"/>
      <c r="CF88" s="92"/>
      <c r="CG88" s="92"/>
      <c r="CH88" s="92"/>
      <c r="CI88" s="92"/>
    </row>
    <row r="89" spans="2:87" ht="12.9" customHeight="1">
      <c r="B89" s="40"/>
      <c r="C89" s="41"/>
      <c r="D89" s="194"/>
      <c r="E89" s="157"/>
      <c r="F89" s="176">
        <v>6</v>
      </c>
      <c r="G89" s="176"/>
      <c r="H89" s="455"/>
      <c r="I89" s="455"/>
      <c r="J89" s="455"/>
      <c r="K89" s="158"/>
      <c r="L89" s="156"/>
      <c r="M89" s="92"/>
      <c r="S89" s="92"/>
      <c r="T89" s="92"/>
      <c r="U89" s="92"/>
      <c r="V89" s="92"/>
      <c r="W89" s="92"/>
      <c r="X89" s="92"/>
      <c r="Y89" s="92"/>
      <c r="Z89" s="92"/>
      <c r="AA89" s="92"/>
      <c r="AB89" s="92"/>
      <c r="AC89" s="92"/>
      <c r="AD89" s="92"/>
      <c r="AE89" s="92"/>
      <c r="AF89" s="92"/>
      <c r="AG89" s="92"/>
      <c r="AH89" s="92"/>
      <c r="AI89" s="92"/>
      <c r="AJ89" s="92"/>
      <c r="AK89" s="92"/>
      <c r="AL89" s="92"/>
      <c r="AM89" s="92"/>
      <c r="AN89" s="92"/>
      <c r="AO89" s="92"/>
      <c r="AP89" s="92"/>
      <c r="AQ89" s="92"/>
      <c r="AR89" s="92"/>
      <c r="AS89" s="92"/>
      <c r="AT89" s="92"/>
      <c r="AU89" s="92"/>
      <c r="AV89" s="92"/>
      <c r="AW89" s="92"/>
      <c r="AX89" s="92"/>
      <c r="AY89" s="92"/>
      <c r="AZ89" s="92"/>
      <c r="BA89" s="92"/>
      <c r="BB89" s="92"/>
      <c r="BC89" s="92"/>
      <c r="BD89" s="92"/>
      <c r="BE89" s="92"/>
      <c r="BF89" s="92"/>
      <c r="BG89" s="92"/>
      <c r="BH89" s="92"/>
      <c r="BI89" s="92"/>
      <c r="BJ89" s="92"/>
      <c r="BK89" s="92"/>
      <c r="BL89" s="92"/>
      <c r="BM89" s="92"/>
      <c r="BN89" s="92"/>
      <c r="BO89" s="92"/>
      <c r="BP89" s="92"/>
      <c r="BQ89" s="92"/>
      <c r="BR89" s="92"/>
      <c r="BS89" s="92"/>
      <c r="BT89" s="92"/>
      <c r="BU89" s="92"/>
      <c r="BV89" s="92"/>
      <c r="BW89" s="92"/>
      <c r="BX89" s="92"/>
      <c r="BY89" s="92"/>
      <c r="BZ89" s="92"/>
      <c r="CA89" s="92"/>
      <c r="CB89" s="92"/>
      <c r="CC89" s="92"/>
      <c r="CD89" s="92"/>
      <c r="CE89" s="92"/>
      <c r="CF89" s="92"/>
      <c r="CG89" s="92"/>
      <c r="CH89" s="92"/>
      <c r="CI89" s="92"/>
    </row>
    <row r="90" spans="2:87" ht="12.9" customHeight="1">
      <c r="B90" s="158"/>
      <c r="C90" s="158"/>
      <c r="D90" s="156"/>
      <c r="E90" s="157"/>
      <c r="F90" s="176">
        <v>7</v>
      </c>
      <c r="G90" s="176"/>
      <c r="H90" s="455"/>
      <c r="I90" s="455"/>
      <c r="J90" s="455"/>
      <c r="K90" s="158"/>
      <c r="L90" s="156"/>
      <c r="M90" s="92"/>
      <c r="N90" s="92"/>
      <c r="O90" s="92"/>
      <c r="P90" s="92"/>
      <c r="Q90" s="92"/>
      <c r="R90" s="92"/>
      <c r="S90" s="92"/>
      <c r="T90" s="92"/>
      <c r="U90" s="92"/>
      <c r="V90" s="92"/>
      <c r="W90" s="92"/>
      <c r="X90" s="92"/>
      <c r="Y90" s="92"/>
      <c r="Z90" s="92"/>
      <c r="AA90" s="92"/>
      <c r="AB90" s="92"/>
      <c r="AC90" s="92"/>
      <c r="AD90" s="92"/>
      <c r="AE90" s="92"/>
      <c r="AF90" s="92"/>
      <c r="AG90" s="92"/>
      <c r="AH90" s="92"/>
      <c r="AI90" s="92"/>
      <c r="AJ90" s="92"/>
      <c r="AK90" s="92"/>
      <c r="AL90" s="92"/>
      <c r="AM90" s="92"/>
      <c r="AN90" s="92"/>
      <c r="AO90" s="92"/>
      <c r="AP90" s="92"/>
      <c r="AQ90" s="92"/>
      <c r="AR90" s="92"/>
      <c r="AS90" s="92"/>
      <c r="AT90" s="92"/>
      <c r="AU90" s="92"/>
      <c r="AV90" s="92"/>
      <c r="AW90" s="92"/>
      <c r="AX90" s="92"/>
      <c r="AY90" s="92"/>
      <c r="AZ90" s="92"/>
      <c r="BA90" s="92"/>
      <c r="BB90" s="92"/>
      <c r="BC90" s="92"/>
      <c r="BD90" s="92"/>
      <c r="BE90" s="92"/>
      <c r="BF90" s="92"/>
      <c r="BG90" s="92"/>
      <c r="BH90" s="92"/>
      <c r="BI90" s="92"/>
      <c r="BJ90" s="92"/>
      <c r="BK90" s="92"/>
      <c r="BL90" s="92"/>
      <c r="BM90" s="92"/>
      <c r="BN90" s="92"/>
      <c r="BO90" s="92"/>
      <c r="BP90" s="92"/>
      <c r="BQ90" s="92"/>
      <c r="BR90" s="92"/>
      <c r="BS90" s="92"/>
      <c r="BT90" s="92"/>
      <c r="BU90" s="92"/>
      <c r="BV90" s="92"/>
      <c r="BW90" s="92"/>
      <c r="BX90" s="92"/>
      <c r="BY90" s="92"/>
      <c r="BZ90" s="92"/>
      <c r="CA90" s="92"/>
      <c r="CB90" s="92"/>
      <c r="CC90" s="92"/>
      <c r="CD90" s="92"/>
      <c r="CE90" s="92"/>
      <c r="CF90" s="92"/>
      <c r="CG90" s="92"/>
      <c r="CH90" s="92"/>
      <c r="CI90" s="92"/>
    </row>
    <row r="91" spans="2:87" ht="12.9" customHeight="1">
      <c r="B91" s="158"/>
      <c r="C91" s="158"/>
      <c r="D91" s="156"/>
      <c r="E91" s="157"/>
      <c r="F91" s="180"/>
      <c r="G91" s="180"/>
      <c r="H91" s="172"/>
      <c r="I91" s="169"/>
      <c r="J91" s="180"/>
      <c r="K91" s="158"/>
      <c r="L91" s="156"/>
      <c r="M91" s="92"/>
      <c r="N91" s="92"/>
      <c r="O91" s="92"/>
      <c r="P91" s="92"/>
      <c r="Q91" s="92"/>
      <c r="R91" s="92"/>
      <c r="S91" s="92"/>
      <c r="T91" s="92"/>
      <c r="U91" s="92"/>
      <c r="V91" s="92"/>
      <c r="W91" s="92"/>
      <c r="X91" s="92"/>
      <c r="Y91" s="92"/>
      <c r="Z91" s="92"/>
      <c r="AA91" s="92"/>
      <c r="AB91" s="92"/>
      <c r="AC91" s="92"/>
      <c r="AD91" s="92"/>
      <c r="AE91" s="92"/>
      <c r="AF91" s="92"/>
      <c r="AG91" s="92"/>
      <c r="AH91" s="92"/>
      <c r="AI91" s="92"/>
      <c r="AJ91" s="92"/>
      <c r="AK91" s="92"/>
      <c r="AL91" s="92"/>
      <c r="AM91" s="92"/>
      <c r="AN91" s="92"/>
      <c r="AO91" s="92"/>
      <c r="AP91" s="92"/>
      <c r="AQ91" s="92"/>
      <c r="AR91" s="92"/>
      <c r="AS91" s="92"/>
      <c r="AT91" s="92"/>
      <c r="AU91" s="92"/>
      <c r="AV91" s="92"/>
      <c r="AW91" s="92"/>
      <c r="AX91" s="92"/>
      <c r="AY91" s="92"/>
      <c r="AZ91" s="92"/>
      <c r="BA91" s="92"/>
      <c r="BB91" s="92"/>
      <c r="BC91" s="92"/>
      <c r="BD91" s="92"/>
      <c r="BE91" s="92"/>
      <c r="BF91" s="92"/>
      <c r="BG91" s="92"/>
      <c r="BH91" s="92"/>
      <c r="BI91" s="92"/>
      <c r="BJ91" s="92"/>
      <c r="BK91" s="92"/>
      <c r="BL91" s="92"/>
      <c r="BM91" s="92"/>
      <c r="BN91" s="92"/>
      <c r="BO91" s="92"/>
      <c r="BP91" s="92"/>
      <c r="BQ91" s="92"/>
      <c r="BR91" s="92"/>
      <c r="BS91" s="92"/>
      <c r="BT91" s="92"/>
      <c r="BU91" s="92"/>
      <c r="BV91" s="92"/>
      <c r="BW91" s="92"/>
      <c r="BX91" s="92"/>
      <c r="BY91" s="92"/>
      <c r="BZ91" s="92"/>
      <c r="CA91" s="92"/>
      <c r="CB91" s="92"/>
      <c r="CC91" s="92"/>
      <c r="CD91" s="92"/>
      <c r="CE91" s="92"/>
      <c r="CF91" s="92"/>
      <c r="CG91" s="92"/>
      <c r="CH91" s="92"/>
      <c r="CI91" s="92"/>
    </row>
    <row r="92" spans="2:87" ht="12.9" customHeight="1">
      <c r="B92" s="124" t="s">
        <v>48</v>
      </c>
      <c r="E92" s="363"/>
      <c r="I92" s="363"/>
      <c r="M92" s="92"/>
      <c r="N92" s="92"/>
      <c r="O92" s="92"/>
      <c r="P92" s="92"/>
      <c r="Q92" s="92"/>
      <c r="R92" s="92"/>
      <c r="S92" s="92"/>
      <c r="T92" s="92"/>
      <c r="U92" s="92"/>
      <c r="V92" s="92"/>
      <c r="W92" s="92"/>
      <c r="X92" s="92"/>
      <c r="Y92" s="92"/>
      <c r="Z92" s="92"/>
      <c r="AA92" s="92"/>
      <c r="AB92" s="92"/>
      <c r="AC92" s="92"/>
      <c r="AD92" s="92"/>
      <c r="AE92" s="92"/>
      <c r="AF92" s="92"/>
      <c r="AG92" s="92"/>
      <c r="AH92" s="92"/>
      <c r="AI92" s="92"/>
      <c r="AJ92" s="92"/>
      <c r="AK92" s="92"/>
      <c r="AL92" s="92"/>
      <c r="AM92" s="92"/>
      <c r="AN92" s="92"/>
      <c r="AO92" s="92"/>
      <c r="AP92" s="92"/>
      <c r="AQ92" s="92"/>
      <c r="AR92" s="92"/>
      <c r="AS92" s="92"/>
      <c r="AT92" s="92"/>
      <c r="AU92" s="92"/>
      <c r="AV92" s="92"/>
      <c r="AW92" s="92"/>
      <c r="AX92" s="92"/>
      <c r="AY92" s="92"/>
      <c r="AZ92" s="92"/>
      <c r="BA92" s="92"/>
      <c r="BB92" s="92"/>
      <c r="BC92" s="92"/>
      <c r="BD92" s="92"/>
      <c r="BE92" s="92"/>
      <c r="BF92" s="92"/>
      <c r="BG92" s="92"/>
      <c r="BH92" s="92"/>
      <c r="BI92" s="92"/>
      <c r="BJ92" s="92"/>
      <c r="BK92" s="92"/>
      <c r="BL92" s="92"/>
      <c r="BM92" s="92"/>
      <c r="BN92" s="92"/>
      <c r="BO92" s="92"/>
      <c r="BP92" s="92"/>
      <c r="BQ92" s="92"/>
      <c r="BR92" s="92"/>
      <c r="BS92" s="92"/>
      <c r="BT92" s="92"/>
      <c r="BU92" s="92"/>
      <c r="BV92" s="92"/>
      <c r="BW92" s="92"/>
      <c r="BX92" s="92"/>
      <c r="BY92" s="92"/>
      <c r="BZ92" s="92"/>
      <c r="CA92" s="92"/>
      <c r="CB92" s="92"/>
      <c r="CC92" s="92"/>
      <c r="CD92" s="92"/>
      <c r="CE92" s="92"/>
      <c r="CF92" s="92"/>
      <c r="CG92" s="92"/>
      <c r="CH92" s="92"/>
      <c r="CI92" s="92"/>
    </row>
    <row r="93" spans="2:87" ht="12.9" customHeight="1">
      <c r="B93" s="366" t="s">
        <v>27</v>
      </c>
      <c r="C93" s="366"/>
      <c r="D93" s="162"/>
      <c r="E93" s="367"/>
      <c r="F93" s="366" t="s">
        <v>28</v>
      </c>
      <c r="G93" s="366" t="s">
        <v>462</v>
      </c>
      <c r="H93" s="162"/>
      <c r="I93" s="367"/>
      <c r="J93" s="366" t="s">
        <v>29</v>
      </c>
      <c r="K93" s="366" t="s">
        <v>463</v>
      </c>
      <c r="L93" s="162"/>
      <c r="M93" s="92"/>
      <c r="N93" s="92"/>
      <c r="O93" s="92"/>
      <c r="P93" s="92"/>
      <c r="Q93" s="92"/>
      <c r="R93" s="92"/>
      <c r="S93" s="92"/>
      <c r="T93" s="92"/>
      <c r="U93" s="92"/>
      <c r="V93" s="92"/>
      <c r="W93" s="92"/>
      <c r="X93" s="92"/>
      <c r="Y93" s="92"/>
      <c r="Z93" s="92"/>
      <c r="AA93" s="92"/>
      <c r="AB93" s="92"/>
      <c r="AC93" s="92"/>
      <c r="AD93" s="92"/>
      <c r="AE93" s="92"/>
      <c r="AF93" s="92"/>
      <c r="AG93" s="92"/>
      <c r="AH93" s="92"/>
      <c r="AI93" s="92"/>
      <c r="AJ93" s="92"/>
      <c r="AK93" s="92"/>
      <c r="AL93" s="92"/>
      <c r="AM93" s="92"/>
      <c r="AN93" s="92"/>
      <c r="AO93" s="92"/>
      <c r="AP93" s="92"/>
      <c r="AQ93" s="92"/>
      <c r="AR93" s="92"/>
      <c r="AS93" s="92"/>
      <c r="AT93" s="92"/>
      <c r="AU93" s="92"/>
      <c r="AV93" s="92"/>
      <c r="AW93" s="92"/>
      <c r="AX93" s="92"/>
      <c r="AY93" s="92"/>
      <c r="AZ93" s="92"/>
      <c r="BA93" s="92"/>
      <c r="BB93" s="92"/>
      <c r="BC93" s="92"/>
      <c r="BD93" s="92"/>
      <c r="BE93" s="92"/>
      <c r="BF93" s="92"/>
      <c r="BG93" s="92"/>
      <c r="BH93" s="92"/>
      <c r="BI93" s="92"/>
      <c r="BJ93" s="92"/>
      <c r="BK93" s="92"/>
      <c r="BL93" s="92"/>
      <c r="BM93" s="92"/>
      <c r="BN93" s="92"/>
      <c r="BO93" s="92"/>
      <c r="BP93" s="92"/>
      <c r="BQ93" s="92"/>
      <c r="BR93" s="92"/>
      <c r="BS93" s="92"/>
      <c r="BT93" s="92"/>
      <c r="BU93" s="92"/>
      <c r="BV93" s="92"/>
      <c r="BW93" s="92"/>
      <c r="BX93" s="92"/>
      <c r="BY93" s="92"/>
      <c r="BZ93" s="92"/>
      <c r="CA93" s="92"/>
      <c r="CB93" s="92"/>
      <c r="CC93" s="92"/>
      <c r="CD93" s="92"/>
      <c r="CE93" s="92"/>
      <c r="CF93" s="92"/>
      <c r="CG93" s="92"/>
      <c r="CH93" s="92"/>
      <c r="CI93" s="92"/>
    </row>
    <row r="94" spans="2:87" ht="12.9" customHeight="1">
      <c r="B94" s="40"/>
      <c r="C94" s="41"/>
      <c r="D94" s="194"/>
      <c r="E94" s="367"/>
      <c r="F94" s="40">
        <v>14</v>
      </c>
      <c r="G94" s="154" t="s">
        <v>444</v>
      </c>
      <c r="H94" s="195"/>
      <c r="I94" s="367"/>
      <c r="J94" s="40">
        <v>19</v>
      </c>
      <c r="K94" s="154" t="s">
        <v>178</v>
      </c>
      <c r="L94" s="195"/>
      <c r="M94" s="92"/>
      <c r="N94" s="92"/>
      <c r="O94" s="92"/>
      <c r="P94" s="92"/>
      <c r="Q94" s="92"/>
      <c r="R94" s="92"/>
      <c r="S94" s="92"/>
      <c r="T94" s="92"/>
      <c r="U94" s="92"/>
      <c r="V94" s="92"/>
      <c r="W94" s="92"/>
      <c r="X94" s="92"/>
      <c r="Y94" s="92"/>
      <c r="Z94" s="92"/>
      <c r="AA94" s="92"/>
      <c r="AB94" s="92"/>
      <c r="AC94" s="92"/>
      <c r="AD94" s="92"/>
      <c r="AE94" s="92"/>
      <c r="AF94" s="92"/>
      <c r="AG94" s="92"/>
      <c r="AH94" s="92"/>
      <c r="AI94" s="92"/>
      <c r="AJ94" s="92"/>
      <c r="AK94" s="92"/>
      <c r="AL94" s="92"/>
      <c r="AM94" s="92"/>
      <c r="AN94" s="92"/>
      <c r="AO94" s="92"/>
      <c r="AP94" s="92"/>
      <c r="AQ94" s="92"/>
      <c r="AR94" s="92"/>
      <c r="AS94" s="92"/>
      <c r="AT94" s="92"/>
      <c r="AU94" s="92"/>
      <c r="AV94" s="92"/>
      <c r="AW94" s="92"/>
      <c r="AX94" s="92"/>
      <c r="AY94" s="92"/>
      <c r="AZ94" s="92"/>
      <c r="BA94" s="92"/>
      <c r="BB94" s="92"/>
      <c r="BC94" s="92"/>
      <c r="BD94" s="92"/>
      <c r="BE94" s="92"/>
      <c r="BF94" s="92"/>
      <c r="BG94" s="92"/>
      <c r="BH94" s="92"/>
      <c r="BI94" s="92"/>
      <c r="BJ94" s="92"/>
      <c r="BK94" s="92"/>
      <c r="BL94" s="92"/>
      <c r="BM94" s="92"/>
      <c r="BN94" s="92"/>
      <c r="BO94" s="92"/>
      <c r="BP94" s="92"/>
      <c r="BQ94" s="92"/>
      <c r="BR94" s="92"/>
      <c r="BS94" s="92"/>
      <c r="BT94" s="92"/>
      <c r="BU94" s="92"/>
      <c r="BV94" s="92"/>
      <c r="BW94" s="92"/>
      <c r="BX94" s="92"/>
      <c r="BY94" s="92"/>
      <c r="BZ94" s="92"/>
      <c r="CA94" s="92"/>
      <c r="CB94" s="92"/>
      <c r="CC94" s="92"/>
      <c r="CD94" s="92"/>
      <c r="CE94" s="92"/>
      <c r="CF94" s="92"/>
      <c r="CG94" s="92"/>
      <c r="CH94" s="92"/>
      <c r="CI94" s="92"/>
    </row>
    <row r="95" spans="2:87">
      <c r="B95" s="35"/>
      <c r="C95" s="36"/>
      <c r="D95" s="194"/>
      <c r="E95" s="367"/>
      <c r="F95" s="40">
        <v>3</v>
      </c>
      <c r="G95" s="154" t="s">
        <v>224</v>
      </c>
      <c r="H95" s="195"/>
      <c r="I95" s="367"/>
      <c r="J95" s="40">
        <v>11</v>
      </c>
      <c r="K95" s="154" t="s">
        <v>177</v>
      </c>
      <c r="L95" s="195"/>
    </row>
    <row r="96" spans="2:87">
      <c r="B96" s="35"/>
      <c r="C96" s="36"/>
      <c r="D96" s="194"/>
      <c r="E96" s="367"/>
      <c r="F96" s="40">
        <v>17</v>
      </c>
      <c r="G96" s="154" t="s">
        <v>148</v>
      </c>
      <c r="H96" s="195"/>
      <c r="I96" s="367"/>
      <c r="J96" s="40">
        <v>2</v>
      </c>
      <c r="K96" s="154" t="s">
        <v>174</v>
      </c>
      <c r="L96" s="195"/>
    </row>
    <row r="97" spans="2:12">
      <c r="B97" s="35"/>
      <c r="C97" s="36"/>
      <c r="D97" s="194"/>
      <c r="E97" s="367"/>
      <c r="F97" s="40">
        <v>49</v>
      </c>
      <c r="G97" s="154" t="s">
        <v>447</v>
      </c>
      <c r="H97" s="195"/>
      <c r="I97" s="367"/>
      <c r="J97" s="40">
        <v>16</v>
      </c>
      <c r="K97" s="154" t="s">
        <v>188</v>
      </c>
      <c r="L97" s="195"/>
    </row>
    <row r="98" spans="2:12">
      <c r="B98" s="35"/>
      <c r="C98" s="36"/>
      <c r="D98" s="194"/>
      <c r="E98" s="367"/>
      <c r="F98" s="40"/>
      <c r="G98" s="154"/>
      <c r="H98" s="195"/>
      <c r="I98" s="367"/>
      <c r="J98" s="40"/>
      <c r="K98" s="154"/>
      <c r="L98" s="195"/>
    </row>
    <row r="99" spans="2:12">
      <c r="B99" s="35"/>
      <c r="C99" s="36"/>
      <c r="D99" s="194"/>
      <c r="E99" s="367"/>
      <c r="F99" s="40"/>
      <c r="G99" s="154"/>
      <c r="H99" s="195"/>
      <c r="I99" s="367"/>
      <c r="J99" s="40"/>
      <c r="K99" s="154"/>
      <c r="L99" s="195"/>
    </row>
    <row r="100" spans="2:12">
      <c r="B100" s="180"/>
      <c r="C100" s="180"/>
      <c r="D100" s="172"/>
      <c r="E100" s="367"/>
      <c r="F100" s="180"/>
      <c r="G100" s="180"/>
      <c r="H100" s="172"/>
      <c r="I100" s="367"/>
      <c r="J100" s="180"/>
      <c r="K100" s="180"/>
      <c r="L100" s="172"/>
    </row>
    <row r="101" spans="2:12">
      <c r="B101" s="366" t="s">
        <v>30</v>
      </c>
      <c r="C101" s="366" t="s">
        <v>464</v>
      </c>
      <c r="D101" s="162"/>
      <c r="E101" s="367"/>
      <c r="F101" s="366" t="s">
        <v>31</v>
      </c>
      <c r="G101" s="366" t="s">
        <v>465</v>
      </c>
      <c r="H101" s="162"/>
      <c r="I101" s="367"/>
      <c r="J101" s="366" t="s">
        <v>32</v>
      </c>
      <c r="K101" s="366"/>
      <c r="L101" s="162"/>
    </row>
    <row r="102" spans="2:12">
      <c r="B102" s="40">
        <v>49</v>
      </c>
      <c r="C102" s="41" t="s">
        <v>446</v>
      </c>
      <c r="D102" s="194"/>
      <c r="E102" s="367"/>
      <c r="F102" s="40">
        <v>9</v>
      </c>
      <c r="G102" s="154" t="s">
        <v>144</v>
      </c>
      <c r="H102" s="195"/>
      <c r="I102" s="367"/>
      <c r="J102" s="40"/>
      <c r="K102" s="41"/>
      <c r="L102" s="194"/>
    </row>
    <row r="103" spans="2:12">
      <c r="B103" s="40">
        <v>56</v>
      </c>
      <c r="C103" s="41" t="s">
        <v>450</v>
      </c>
      <c r="D103" s="194"/>
      <c r="E103" s="367"/>
      <c r="F103" s="40">
        <v>8</v>
      </c>
      <c r="G103" s="154" t="s">
        <v>445</v>
      </c>
      <c r="H103" s="195"/>
      <c r="I103" s="367"/>
      <c r="J103" s="153"/>
      <c r="K103" s="41"/>
      <c r="L103" s="194"/>
    </row>
    <row r="104" spans="2:12">
      <c r="B104" s="40">
        <v>14</v>
      </c>
      <c r="C104" s="41" t="s">
        <v>466</v>
      </c>
      <c r="D104" s="194"/>
      <c r="E104" s="367"/>
      <c r="F104" s="40">
        <v>26</v>
      </c>
      <c r="G104" s="154" t="s">
        <v>467</v>
      </c>
      <c r="H104" s="195"/>
      <c r="I104" s="367"/>
      <c r="J104" s="40"/>
      <c r="K104" s="41"/>
      <c r="L104" s="194"/>
    </row>
    <row r="105" spans="2:12">
      <c r="B105" s="40">
        <v>47</v>
      </c>
      <c r="C105" s="41" t="s">
        <v>155</v>
      </c>
      <c r="D105" s="194"/>
      <c r="E105" s="367"/>
      <c r="F105" s="40">
        <v>19</v>
      </c>
      <c r="G105" s="154" t="s">
        <v>178</v>
      </c>
      <c r="H105" s="195"/>
      <c r="I105" s="367"/>
      <c r="J105" s="40"/>
      <c r="K105" s="41"/>
      <c r="L105" s="194"/>
    </row>
    <row r="106" spans="2:12">
      <c r="B106" s="40"/>
      <c r="C106" s="41"/>
      <c r="D106" s="194"/>
      <c r="E106" s="367"/>
      <c r="F106" s="40"/>
      <c r="G106" s="154"/>
      <c r="H106" s="195"/>
      <c r="I106" s="367"/>
      <c r="J106" s="40"/>
      <c r="K106" s="41"/>
      <c r="L106" s="194"/>
    </row>
    <row r="107" spans="2:12">
      <c r="B107" s="40"/>
      <c r="C107" s="41"/>
      <c r="D107" s="194"/>
      <c r="E107" s="367"/>
      <c r="F107" s="40"/>
      <c r="G107" s="154"/>
      <c r="H107" s="195"/>
      <c r="I107" s="367"/>
      <c r="J107" s="40"/>
      <c r="K107" s="41"/>
      <c r="L107" s="194"/>
    </row>
    <row r="108" spans="2:12">
      <c r="B108" s="180"/>
      <c r="C108" s="180"/>
      <c r="D108" s="172"/>
      <c r="E108" s="367"/>
      <c r="F108" s="180"/>
      <c r="G108" s="180"/>
      <c r="H108" s="172"/>
      <c r="I108" s="367"/>
      <c r="J108" s="180"/>
      <c r="K108" s="180"/>
      <c r="L108" s="172"/>
    </row>
    <row r="109" spans="2:12">
      <c r="B109" s="366" t="s">
        <v>33</v>
      </c>
      <c r="C109" s="366"/>
      <c r="D109" s="162"/>
      <c r="E109" s="365"/>
      <c r="F109" s="394" t="s">
        <v>5</v>
      </c>
      <c r="G109" s="395" t="s">
        <v>34</v>
      </c>
      <c r="I109" s="394"/>
      <c r="J109" s="394" t="s">
        <v>429</v>
      </c>
      <c r="K109" s="158"/>
      <c r="L109" s="156"/>
    </row>
    <row r="110" spans="2:12">
      <c r="B110" s="40"/>
      <c r="C110" s="41"/>
      <c r="D110" s="194"/>
      <c r="E110" s="365"/>
      <c r="F110" s="366">
        <v>1</v>
      </c>
      <c r="G110" s="457" t="s">
        <v>463</v>
      </c>
      <c r="H110" s="457"/>
      <c r="I110" s="457"/>
      <c r="J110" s="366" t="s">
        <v>468</v>
      </c>
      <c r="K110" s="158"/>
      <c r="L110" s="156"/>
    </row>
    <row r="111" spans="2:12">
      <c r="B111" s="40"/>
      <c r="C111" s="41"/>
      <c r="D111" s="194"/>
      <c r="E111" s="365"/>
      <c r="F111" s="176">
        <v>2</v>
      </c>
      <c r="G111" s="456" t="s">
        <v>465</v>
      </c>
      <c r="H111" s="456"/>
      <c r="I111" s="456"/>
      <c r="J111" s="366" t="s">
        <v>469</v>
      </c>
      <c r="K111" s="158"/>
      <c r="L111" s="156"/>
    </row>
    <row r="112" spans="2:12">
      <c r="B112" s="40"/>
      <c r="C112" s="154"/>
      <c r="D112" s="195"/>
      <c r="E112" s="365"/>
      <c r="F112" s="176">
        <v>3</v>
      </c>
      <c r="G112" s="456" t="s">
        <v>462</v>
      </c>
      <c r="H112" s="456"/>
      <c r="I112" s="456"/>
      <c r="J112" s="366" t="s">
        <v>470</v>
      </c>
      <c r="K112" s="158"/>
      <c r="L112" s="156"/>
    </row>
    <row r="113" spans="2:12">
      <c r="B113" s="40"/>
      <c r="C113" s="41"/>
      <c r="D113" s="194"/>
      <c r="E113" s="365"/>
      <c r="F113" s="176">
        <v>4</v>
      </c>
      <c r="G113" s="455" t="s">
        <v>464</v>
      </c>
      <c r="H113" s="455"/>
      <c r="I113" s="455"/>
      <c r="J113" s="366" t="s">
        <v>471</v>
      </c>
      <c r="K113" s="158"/>
      <c r="L113" s="156"/>
    </row>
    <row r="114" spans="2:12">
      <c r="B114" s="40"/>
      <c r="C114" s="41"/>
      <c r="D114" s="194"/>
      <c r="E114" s="365"/>
      <c r="F114" s="176">
        <v>5</v>
      </c>
      <c r="G114" s="455"/>
      <c r="H114" s="455"/>
      <c r="I114" s="455"/>
      <c r="J114" s="366"/>
      <c r="K114" s="158"/>
      <c r="L114" s="156"/>
    </row>
    <row r="115" spans="2:12">
      <c r="B115" s="40"/>
      <c r="C115" s="41"/>
      <c r="D115" s="194"/>
      <c r="E115" s="365"/>
      <c r="F115" s="176">
        <v>6</v>
      </c>
      <c r="G115" s="176"/>
      <c r="H115" s="455"/>
      <c r="I115" s="455"/>
      <c r="J115" s="455"/>
      <c r="K115" s="158"/>
      <c r="L115" s="156"/>
    </row>
    <row r="116" spans="2:12">
      <c r="B116" s="158"/>
      <c r="C116" s="158"/>
      <c r="D116" s="156"/>
      <c r="E116" s="365"/>
      <c r="F116" s="176">
        <v>7</v>
      </c>
      <c r="G116" s="176"/>
      <c r="H116" s="455"/>
      <c r="I116" s="455"/>
      <c r="J116" s="455"/>
      <c r="K116" s="158"/>
      <c r="L116" s="156"/>
    </row>
  </sheetData>
  <mergeCells count="34">
    <mergeCell ref="G84:I84"/>
    <mergeCell ref="G85:I85"/>
    <mergeCell ref="G86:I86"/>
    <mergeCell ref="G87:I87"/>
    <mergeCell ref="G88:I88"/>
    <mergeCell ref="N15:N16"/>
    <mergeCell ref="N17:N18"/>
    <mergeCell ref="H90:J90"/>
    <mergeCell ref="B1:E5"/>
    <mergeCell ref="H89:J89"/>
    <mergeCell ref="H58:J58"/>
    <mergeCell ref="H59:J59"/>
    <mergeCell ref="H60:J60"/>
    <mergeCell ref="H30:J30"/>
    <mergeCell ref="H31:J31"/>
    <mergeCell ref="H32:J32"/>
    <mergeCell ref="H33:J33"/>
    <mergeCell ref="G53:I53"/>
    <mergeCell ref="G54:I54"/>
    <mergeCell ref="G55:I55"/>
    <mergeCell ref="G56:I56"/>
    <mergeCell ref="G57:I57"/>
    <mergeCell ref="B6:L6"/>
    <mergeCell ref="H29:J29"/>
    <mergeCell ref="G26:I26"/>
    <mergeCell ref="G27:I27"/>
    <mergeCell ref="G28:I28"/>
    <mergeCell ref="H115:J115"/>
    <mergeCell ref="H116:J116"/>
    <mergeCell ref="G110:I110"/>
    <mergeCell ref="G111:I111"/>
    <mergeCell ref="G112:I112"/>
    <mergeCell ref="G113:I113"/>
    <mergeCell ref="G114:I114"/>
  </mergeCells>
  <phoneticPr fontId="33"/>
  <dataValidations count="1">
    <dataValidation imeMode="hiragana" allowBlank="1" showInputMessage="1" showErrorMessage="1" sqref="K18:K23"/>
  </dataValidations>
  <pageMargins left="0.39305555555555555" right="0.39305555555555555" top="0.39305555555555555" bottom="0.39305555555555555" header="0.39305555555555555" footer="0.39305555555555555"/>
  <pageSetup paperSize="9" firstPageNumber="4294963191" orientation="portrait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U34"/>
  <sheetViews>
    <sheetView topLeftCell="A10" workbookViewId="0">
      <selection activeCell="K33" sqref="K33:K34"/>
    </sheetView>
  </sheetViews>
  <sheetFormatPr defaultRowHeight="13.2"/>
  <cols>
    <col min="1" max="1" width="5.6640625" style="134" customWidth="1"/>
    <col min="2" max="2" width="5.6640625" style="135" customWidth="1"/>
    <col min="3" max="3" width="1.21875" style="135" customWidth="1"/>
    <col min="4" max="4" width="6.6640625" style="135" customWidth="1"/>
    <col min="5" max="5" width="1.21875" style="135" customWidth="1"/>
    <col min="6" max="6" width="3" style="135" customWidth="1"/>
    <col min="7" max="7" width="3.21875" style="135" customWidth="1"/>
    <col min="8" max="8" width="6.6640625" style="135" customWidth="1"/>
    <col min="9" max="17" width="6.109375" style="134" customWidth="1"/>
    <col min="18" max="18" width="4.6640625" style="134" customWidth="1"/>
    <col min="19" max="255" width="9" style="134" customWidth="1"/>
  </cols>
  <sheetData>
    <row r="1" spans="1:20" s="112" customFormat="1" ht="13.5" customHeight="1">
      <c r="A1" s="436" t="s">
        <v>36</v>
      </c>
      <c r="B1" s="481"/>
      <c r="C1" s="481"/>
      <c r="D1" s="481"/>
      <c r="E1" s="481"/>
      <c r="F1" s="481"/>
      <c r="G1" s="481"/>
      <c r="H1" s="99"/>
      <c r="J1" s="92"/>
      <c r="K1" s="92"/>
      <c r="L1" s="92"/>
      <c r="M1" s="92"/>
      <c r="N1" s="92"/>
      <c r="O1" s="92"/>
      <c r="P1" s="92"/>
    </row>
    <row r="2" spans="1:20" s="112" customFormat="1" ht="13.5" customHeight="1">
      <c r="A2" s="481"/>
      <c r="B2" s="481"/>
      <c r="C2" s="481"/>
      <c r="D2" s="481"/>
      <c r="E2" s="481"/>
      <c r="F2" s="481"/>
      <c r="G2" s="481"/>
      <c r="T2" s="96"/>
    </row>
    <row r="3" spans="1:20" s="112" customFormat="1" ht="13.5" customHeight="1">
      <c r="A3" s="481"/>
      <c r="B3" s="481"/>
      <c r="C3" s="481"/>
      <c r="D3" s="481"/>
      <c r="E3" s="481"/>
      <c r="F3" s="481"/>
      <c r="G3" s="481"/>
      <c r="P3" s="92"/>
      <c r="T3" s="96"/>
    </row>
    <row r="4" spans="1:20" s="112" customFormat="1" ht="13.5" customHeight="1">
      <c r="A4" s="481"/>
      <c r="B4" s="481"/>
      <c r="C4" s="481"/>
      <c r="D4" s="481"/>
      <c r="E4" s="481"/>
      <c r="F4" s="481"/>
      <c r="G4" s="481"/>
      <c r="H4" s="443" t="s">
        <v>0</v>
      </c>
      <c r="I4" s="443"/>
      <c r="J4" s="96" t="s">
        <v>78</v>
      </c>
      <c r="K4" s="128"/>
      <c r="L4" s="128"/>
      <c r="O4" s="92"/>
      <c r="P4" s="92"/>
    </row>
    <row r="5" spans="1:20" s="112" customFormat="1" ht="14.25" customHeight="1">
      <c r="A5" s="482"/>
      <c r="B5" s="482"/>
      <c r="C5" s="482"/>
      <c r="D5" s="482"/>
      <c r="E5" s="482"/>
      <c r="F5" s="482"/>
      <c r="G5" s="482"/>
      <c r="H5" s="298" t="s">
        <v>92</v>
      </c>
      <c r="I5" s="298"/>
      <c r="J5" s="112" t="s">
        <v>93</v>
      </c>
      <c r="P5" s="92"/>
    </row>
    <row r="6" spans="1:20" s="129" customFormat="1" ht="18.75" customHeight="1">
      <c r="A6" s="440"/>
      <c r="B6" s="440"/>
      <c r="C6" s="440"/>
      <c r="D6" s="440"/>
      <c r="E6" s="440"/>
      <c r="F6" s="440"/>
      <c r="G6" s="440"/>
      <c r="H6" s="440"/>
      <c r="I6" s="440"/>
      <c r="J6" s="440"/>
      <c r="K6" s="440"/>
      <c r="L6" s="440"/>
      <c r="M6" s="440"/>
      <c r="N6" s="440"/>
      <c r="O6" s="440"/>
      <c r="P6" s="440"/>
      <c r="Q6" s="440"/>
      <c r="R6" s="440"/>
    </row>
    <row r="7" spans="1:20" ht="42" customHeight="1">
      <c r="A7" s="440" t="s">
        <v>53</v>
      </c>
      <c r="B7" s="440"/>
      <c r="C7" s="440"/>
      <c r="D7" s="440"/>
      <c r="E7" s="440"/>
      <c r="F7" s="440"/>
      <c r="G7" s="440"/>
      <c r="H7" s="440"/>
      <c r="I7" s="440"/>
      <c r="J7" s="440"/>
      <c r="K7" s="440"/>
      <c r="L7" s="461"/>
      <c r="M7" s="461"/>
      <c r="N7" s="461"/>
      <c r="O7" s="461"/>
      <c r="P7" s="461"/>
      <c r="Q7" s="461"/>
      <c r="R7" s="461"/>
    </row>
    <row r="8" spans="1:20">
      <c r="A8" s="473" t="s">
        <v>37</v>
      </c>
      <c r="B8" s="473" t="s">
        <v>2</v>
      </c>
      <c r="C8" s="462" t="s">
        <v>3</v>
      </c>
      <c r="D8" s="463"/>
      <c r="E8" s="463"/>
      <c r="F8" s="463"/>
      <c r="G8" s="464"/>
      <c r="H8" s="213" t="s">
        <v>38</v>
      </c>
      <c r="I8" s="462"/>
      <c r="J8" s="462" t="s">
        <v>429</v>
      </c>
      <c r="K8" s="473" t="s">
        <v>472</v>
      </c>
      <c r="L8" s="396"/>
      <c r="M8" s="469"/>
      <c r="N8" s="469"/>
      <c r="O8" s="469"/>
      <c r="P8" s="469"/>
      <c r="Q8" s="469"/>
      <c r="R8" s="469"/>
    </row>
    <row r="9" spans="1:20">
      <c r="A9" s="474"/>
      <c r="B9" s="474"/>
      <c r="C9" s="465" t="s">
        <v>4</v>
      </c>
      <c r="D9" s="466"/>
      <c r="E9" s="466"/>
      <c r="F9" s="466"/>
      <c r="G9" s="467"/>
      <c r="H9" s="214" t="s">
        <v>6</v>
      </c>
      <c r="I9" s="468"/>
      <c r="J9" s="468"/>
      <c r="K9" s="480"/>
      <c r="L9" s="396"/>
      <c r="M9" s="469"/>
      <c r="N9" s="469"/>
      <c r="O9" s="469"/>
      <c r="P9" s="469"/>
      <c r="Q9" s="469"/>
      <c r="R9" s="469"/>
    </row>
    <row r="10" spans="1:20">
      <c r="A10" s="475">
        <v>1</v>
      </c>
      <c r="B10" s="477">
        <v>120</v>
      </c>
      <c r="C10" s="470" t="s">
        <v>247</v>
      </c>
      <c r="D10" s="471"/>
      <c r="E10" s="471"/>
      <c r="F10" s="471"/>
      <c r="G10" s="472"/>
      <c r="H10" s="479"/>
      <c r="I10" s="473"/>
      <c r="J10" s="473" t="s">
        <v>475</v>
      </c>
      <c r="K10" s="473">
        <v>3</v>
      </c>
      <c r="L10" s="469"/>
      <c r="M10" s="469"/>
      <c r="N10" s="469"/>
      <c r="O10" s="469"/>
      <c r="P10" s="469"/>
      <c r="Q10" s="469"/>
      <c r="R10" s="469"/>
    </row>
    <row r="11" spans="1:20">
      <c r="A11" s="476"/>
      <c r="B11" s="478"/>
      <c r="C11" s="218" t="s">
        <v>39</v>
      </c>
      <c r="D11" s="204" t="s">
        <v>195</v>
      </c>
      <c r="E11" s="122" t="s">
        <v>40</v>
      </c>
      <c r="F11" s="204">
        <v>1</v>
      </c>
      <c r="G11" s="219" t="s">
        <v>41</v>
      </c>
      <c r="H11" s="479"/>
      <c r="I11" s="474"/>
      <c r="J11" s="474"/>
      <c r="K11" s="474"/>
      <c r="L11" s="469"/>
      <c r="M11" s="469"/>
      <c r="N11" s="469"/>
      <c r="O11" s="469"/>
      <c r="P11" s="469"/>
      <c r="Q11" s="469"/>
      <c r="R11" s="469"/>
    </row>
    <row r="12" spans="1:20">
      <c r="A12" s="475">
        <v>2</v>
      </c>
      <c r="B12" s="477">
        <v>8</v>
      </c>
      <c r="C12" s="483" t="s">
        <v>197</v>
      </c>
      <c r="D12" s="484"/>
      <c r="E12" s="484"/>
      <c r="F12" s="484"/>
      <c r="G12" s="485"/>
      <c r="H12" s="486" t="s">
        <v>201</v>
      </c>
      <c r="I12" s="473"/>
      <c r="J12" s="473" t="s">
        <v>476</v>
      </c>
      <c r="K12" s="473">
        <v>4</v>
      </c>
      <c r="L12" s="469"/>
      <c r="M12" s="469"/>
      <c r="N12" s="469"/>
      <c r="O12" s="469"/>
      <c r="P12" s="469"/>
      <c r="Q12" s="469"/>
      <c r="R12" s="469"/>
    </row>
    <row r="13" spans="1:20" ht="15" customHeight="1">
      <c r="A13" s="476"/>
      <c r="B13" s="478"/>
      <c r="C13" s="222" t="s">
        <v>8</v>
      </c>
      <c r="D13" s="223" t="s">
        <v>196</v>
      </c>
      <c r="E13" s="182" t="s">
        <v>40</v>
      </c>
      <c r="F13" s="182">
        <v>2</v>
      </c>
      <c r="G13" s="224" t="s">
        <v>52</v>
      </c>
      <c r="H13" s="487"/>
      <c r="I13" s="474"/>
      <c r="J13" s="474"/>
      <c r="K13" s="474"/>
      <c r="L13" s="469"/>
      <c r="M13" s="469"/>
      <c r="N13" s="469"/>
      <c r="O13" s="469"/>
      <c r="P13" s="469"/>
      <c r="Q13" s="469"/>
      <c r="R13" s="469"/>
    </row>
    <row r="14" spans="1:20">
      <c r="A14" s="475">
        <v>3</v>
      </c>
      <c r="B14" s="477">
        <v>37</v>
      </c>
      <c r="C14" s="470" t="s">
        <v>198</v>
      </c>
      <c r="D14" s="471"/>
      <c r="E14" s="471"/>
      <c r="F14" s="471"/>
      <c r="G14" s="472"/>
      <c r="H14" s="486" t="s">
        <v>202</v>
      </c>
      <c r="I14" s="473"/>
      <c r="J14" s="473" t="s">
        <v>477</v>
      </c>
      <c r="K14" s="473">
        <v>2</v>
      </c>
      <c r="L14" s="469"/>
      <c r="M14" s="469"/>
      <c r="N14" s="469"/>
      <c r="O14" s="469"/>
      <c r="P14" s="469"/>
      <c r="Q14" s="469"/>
      <c r="R14" s="469"/>
    </row>
    <row r="15" spans="1:20">
      <c r="A15" s="476"/>
      <c r="B15" s="478"/>
      <c r="C15" s="248" t="s">
        <v>111</v>
      </c>
      <c r="D15" s="204" t="s">
        <v>196</v>
      </c>
      <c r="E15" s="244" t="s">
        <v>113</v>
      </c>
      <c r="F15" s="204">
        <v>4</v>
      </c>
      <c r="G15" s="219" t="s">
        <v>41</v>
      </c>
      <c r="H15" s="487"/>
      <c r="I15" s="474"/>
      <c r="J15" s="474"/>
      <c r="K15" s="474"/>
      <c r="L15" s="469"/>
      <c r="M15" s="469"/>
      <c r="N15" s="469"/>
      <c r="O15" s="469"/>
      <c r="P15" s="469"/>
      <c r="Q15" s="469"/>
      <c r="R15" s="469"/>
    </row>
    <row r="16" spans="1:20">
      <c r="A16" s="475">
        <v>4</v>
      </c>
      <c r="B16" s="477">
        <v>117</v>
      </c>
      <c r="C16" s="470" t="s">
        <v>194</v>
      </c>
      <c r="D16" s="471"/>
      <c r="E16" s="471"/>
      <c r="F16" s="471"/>
      <c r="G16" s="472"/>
      <c r="H16" s="486" t="s">
        <v>203</v>
      </c>
      <c r="I16" s="473"/>
      <c r="J16" s="473" t="s">
        <v>477</v>
      </c>
      <c r="K16" s="473">
        <v>1</v>
      </c>
      <c r="L16" s="469"/>
      <c r="M16" s="469"/>
      <c r="N16" s="469"/>
      <c r="O16" s="469"/>
      <c r="P16" s="469"/>
      <c r="Q16" s="469"/>
      <c r="R16" s="469"/>
    </row>
    <row r="17" spans="1:18" ht="14.4" customHeight="1">
      <c r="A17" s="476"/>
      <c r="B17" s="478"/>
      <c r="C17" s="215" t="s">
        <v>39</v>
      </c>
      <c r="D17" s="125" t="s">
        <v>195</v>
      </c>
      <c r="E17" s="118" t="s">
        <v>40</v>
      </c>
      <c r="F17" s="125">
        <v>2</v>
      </c>
      <c r="G17" s="352" t="s">
        <v>112</v>
      </c>
      <c r="H17" s="487"/>
      <c r="I17" s="474"/>
      <c r="J17" s="474"/>
      <c r="K17" s="474"/>
      <c r="L17" s="469"/>
      <c r="M17" s="469"/>
      <c r="N17" s="469"/>
      <c r="O17" s="469"/>
      <c r="P17" s="469"/>
      <c r="Q17" s="469"/>
      <c r="R17" s="469"/>
    </row>
    <row r="18" spans="1:18" ht="13.2" customHeight="1">
      <c r="A18" s="490" t="s">
        <v>42</v>
      </c>
      <c r="B18" s="491"/>
      <c r="C18" s="491"/>
      <c r="D18" s="491"/>
      <c r="E18" s="491"/>
      <c r="F18" s="491"/>
      <c r="G18" s="491"/>
      <c r="H18" s="491"/>
      <c r="I18" s="491"/>
      <c r="J18" s="491"/>
      <c r="K18" s="491"/>
      <c r="L18" s="491"/>
      <c r="M18" s="491"/>
      <c r="N18" s="491"/>
      <c r="O18" s="491"/>
      <c r="P18" s="491"/>
      <c r="Q18" s="491"/>
      <c r="R18" s="491"/>
    </row>
    <row r="19" spans="1:18" ht="11.4" customHeight="1">
      <c r="A19" s="491"/>
      <c r="B19" s="491"/>
      <c r="C19" s="491"/>
      <c r="D19" s="491"/>
      <c r="E19" s="491"/>
      <c r="F19" s="491"/>
      <c r="G19" s="491"/>
      <c r="H19" s="491"/>
      <c r="I19" s="491"/>
      <c r="J19" s="491"/>
      <c r="K19" s="491"/>
      <c r="L19" s="491"/>
      <c r="M19" s="491"/>
      <c r="N19" s="491"/>
      <c r="O19" s="491"/>
      <c r="P19" s="491"/>
      <c r="Q19" s="491"/>
      <c r="R19" s="491"/>
    </row>
    <row r="20" spans="1:18" ht="8.4" customHeight="1">
      <c r="A20" s="491"/>
      <c r="B20" s="491"/>
      <c r="C20" s="491"/>
      <c r="D20" s="491"/>
      <c r="E20" s="491"/>
      <c r="F20" s="491"/>
      <c r="G20" s="491"/>
      <c r="H20" s="491"/>
      <c r="I20" s="491"/>
      <c r="J20" s="491"/>
      <c r="K20" s="491"/>
      <c r="L20" s="491"/>
      <c r="M20" s="491"/>
      <c r="N20" s="491"/>
      <c r="O20" s="491"/>
      <c r="P20" s="491"/>
      <c r="Q20" s="491"/>
      <c r="R20" s="491"/>
    </row>
    <row r="21" spans="1:18" ht="6.6" customHeight="1">
      <c r="A21" s="491"/>
      <c r="B21" s="491"/>
      <c r="C21" s="491"/>
      <c r="D21" s="491"/>
      <c r="E21" s="491"/>
      <c r="F21" s="491"/>
      <c r="G21" s="491"/>
      <c r="H21" s="491"/>
      <c r="I21" s="491"/>
      <c r="J21" s="491"/>
      <c r="K21" s="491"/>
      <c r="L21" s="491"/>
      <c r="M21" s="491"/>
      <c r="N21" s="491"/>
      <c r="O21" s="491"/>
      <c r="P21" s="491"/>
      <c r="Q21" s="491"/>
      <c r="R21" s="491"/>
    </row>
    <row r="22" spans="1:18" ht="7.2" customHeight="1">
      <c r="A22" s="491"/>
      <c r="B22" s="491"/>
      <c r="C22" s="491"/>
      <c r="D22" s="491"/>
      <c r="E22" s="491"/>
      <c r="F22" s="491"/>
      <c r="G22" s="491"/>
      <c r="H22" s="491"/>
      <c r="I22" s="491"/>
      <c r="J22" s="491"/>
      <c r="K22" s="491"/>
      <c r="L22" s="491"/>
      <c r="M22" s="491"/>
      <c r="N22" s="491"/>
      <c r="O22" s="491"/>
      <c r="P22" s="491"/>
      <c r="Q22" s="491"/>
      <c r="R22" s="491"/>
    </row>
    <row r="23" spans="1:18">
      <c r="A23" s="475">
        <v>5</v>
      </c>
      <c r="B23" s="477">
        <v>301</v>
      </c>
      <c r="C23" s="470" t="s">
        <v>209</v>
      </c>
      <c r="D23" s="471"/>
      <c r="E23" s="471"/>
      <c r="F23" s="471"/>
      <c r="G23" s="472"/>
      <c r="H23" s="486"/>
      <c r="I23" s="473"/>
      <c r="J23" s="473" t="s">
        <v>478</v>
      </c>
      <c r="K23" s="473">
        <v>3</v>
      </c>
      <c r="L23" s="469"/>
      <c r="M23" s="469"/>
      <c r="N23" s="469"/>
      <c r="O23" s="469"/>
      <c r="P23" s="469"/>
      <c r="Q23" s="469"/>
      <c r="R23" s="469"/>
    </row>
    <row r="24" spans="1:18">
      <c r="A24" s="476"/>
      <c r="B24" s="478"/>
      <c r="C24" s="222" t="s">
        <v>8</v>
      </c>
      <c r="D24" s="223" t="s">
        <v>195</v>
      </c>
      <c r="E24" s="182" t="s">
        <v>40</v>
      </c>
      <c r="F24" s="182" t="s">
        <v>208</v>
      </c>
      <c r="G24" s="224" t="s">
        <v>52</v>
      </c>
      <c r="H24" s="487"/>
      <c r="I24" s="474"/>
      <c r="J24" s="474"/>
      <c r="K24" s="474"/>
      <c r="L24" s="469"/>
      <c r="M24" s="469"/>
      <c r="N24" s="469"/>
      <c r="O24" s="469"/>
      <c r="P24" s="469"/>
      <c r="Q24" s="469"/>
      <c r="R24" s="469"/>
    </row>
    <row r="25" spans="1:18">
      <c r="A25" s="475">
        <v>6</v>
      </c>
      <c r="B25" s="477">
        <v>12</v>
      </c>
      <c r="C25" s="470" t="s">
        <v>199</v>
      </c>
      <c r="D25" s="471"/>
      <c r="E25" s="471"/>
      <c r="F25" s="471"/>
      <c r="G25" s="472"/>
      <c r="H25" s="488" t="s">
        <v>204</v>
      </c>
      <c r="I25" s="473"/>
      <c r="J25" s="473" t="s">
        <v>479</v>
      </c>
      <c r="K25" s="473"/>
      <c r="L25" s="469"/>
      <c r="M25" s="469"/>
      <c r="N25" s="469"/>
      <c r="O25" s="469"/>
      <c r="P25" s="469"/>
      <c r="Q25" s="469"/>
      <c r="R25" s="469"/>
    </row>
    <row r="26" spans="1:18">
      <c r="A26" s="476"/>
      <c r="B26" s="478"/>
      <c r="C26" s="218" t="s">
        <v>39</v>
      </c>
      <c r="D26" s="204" t="s">
        <v>196</v>
      </c>
      <c r="E26" s="122" t="s">
        <v>40</v>
      </c>
      <c r="F26" s="204">
        <v>2</v>
      </c>
      <c r="G26" s="219" t="s">
        <v>41</v>
      </c>
      <c r="H26" s="489"/>
      <c r="I26" s="474"/>
      <c r="J26" s="474"/>
      <c r="K26" s="474"/>
      <c r="L26" s="469"/>
      <c r="M26" s="469"/>
      <c r="N26" s="469"/>
      <c r="O26" s="469"/>
      <c r="P26" s="469"/>
      <c r="Q26" s="469"/>
      <c r="R26" s="469"/>
    </row>
    <row r="27" spans="1:18">
      <c r="A27" s="475">
        <v>7</v>
      </c>
      <c r="B27" s="477">
        <v>108</v>
      </c>
      <c r="C27" s="470" t="s">
        <v>200</v>
      </c>
      <c r="D27" s="471"/>
      <c r="E27" s="471"/>
      <c r="F27" s="471"/>
      <c r="G27" s="472"/>
      <c r="H27" s="488" t="s">
        <v>210</v>
      </c>
      <c r="I27" s="473"/>
      <c r="J27" s="473" t="s">
        <v>480</v>
      </c>
      <c r="K27" s="473"/>
      <c r="L27" s="469"/>
      <c r="M27" s="469"/>
      <c r="N27" s="469"/>
      <c r="O27" s="469"/>
      <c r="P27" s="469"/>
      <c r="Q27" s="469"/>
      <c r="R27" s="469"/>
    </row>
    <row r="28" spans="1:18">
      <c r="A28" s="476"/>
      <c r="B28" s="478"/>
      <c r="C28" s="218" t="s">
        <v>39</v>
      </c>
      <c r="D28" s="204" t="s">
        <v>195</v>
      </c>
      <c r="E28" s="122" t="s">
        <v>40</v>
      </c>
      <c r="F28" s="204">
        <v>3</v>
      </c>
      <c r="G28" s="219" t="s">
        <v>41</v>
      </c>
      <c r="H28" s="489"/>
      <c r="I28" s="474"/>
      <c r="J28" s="474"/>
      <c r="K28" s="474"/>
      <c r="L28" s="469"/>
      <c r="M28" s="469"/>
      <c r="N28" s="469"/>
      <c r="O28" s="469"/>
      <c r="P28" s="469"/>
      <c r="Q28" s="469"/>
      <c r="R28" s="469"/>
    </row>
    <row r="29" spans="1:18">
      <c r="A29" s="475">
        <v>8</v>
      </c>
      <c r="B29" s="477">
        <v>302</v>
      </c>
      <c r="C29" s="470" t="s">
        <v>150</v>
      </c>
      <c r="D29" s="471"/>
      <c r="E29" s="471"/>
      <c r="F29" s="471"/>
      <c r="G29" s="472"/>
      <c r="H29" s="488" t="s">
        <v>211</v>
      </c>
      <c r="I29" s="473"/>
      <c r="J29" s="473" t="s">
        <v>475</v>
      </c>
      <c r="K29" s="473">
        <v>2</v>
      </c>
      <c r="L29" s="469"/>
      <c r="M29" s="469"/>
      <c r="N29" s="469"/>
      <c r="O29" s="469"/>
      <c r="P29" s="469"/>
      <c r="Q29" s="469"/>
      <c r="R29" s="469"/>
    </row>
    <row r="30" spans="1:18">
      <c r="A30" s="476"/>
      <c r="B30" s="478"/>
      <c r="C30" s="217" t="s">
        <v>39</v>
      </c>
      <c r="D30" s="125" t="s">
        <v>195</v>
      </c>
      <c r="E30" s="118" t="s">
        <v>40</v>
      </c>
      <c r="F30" s="125" t="s">
        <v>206</v>
      </c>
      <c r="G30" s="216" t="s">
        <v>41</v>
      </c>
      <c r="H30" s="489"/>
      <c r="I30" s="474"/>
      <c r="J30" s="474"/>
      <c r="K30" s="474"/>
      <c r="L30" s="469"/>
      <c r="M30" s="469"/>
      <c r="N30" s="469"/>
      <c r="O30" s="469"/>
      <c r="P30" s="469"/>
      <c r="Q30" s="469"/>
      <c r="R30" s="469"/>
    </row>
    <row r="31" spans="1:18">
      <c r="A31" s="475">
        <v>9</v>
      </c>
      <c r="B31" s="477">
        <v>14</v>
      </c>
      <c r="C31" s="470" t="s">
        <v>473</v>
      </c>
      <c r="D31" s="471"/>
      <c r="E31" s="471"/>
      <c r="F31" s="471"/>
      <c r="G31" s="472"/>
      <c r="H31" s="488" t="s">
        <v>474</v>
      </c>
      <c r="I31" s="473"/>
      <c r="J31" s="473" t="s">
        <v>481</v>
      </c>
      <c r="K31" s="473">
        <v>4</v>
      </c>
      <c r="L31" s="469"/>
    </row>
    <row r="32" spans="1:18">
      <c r="A32" s="476"/>
      <c r="B32" s="478"/>
      <c r="C32" s="217" t="s">
        <v>39</v>
      </c>
      <c r="D32" s="125" t="s">
        <v>114</v>
      </c>
      <c r="E32" s="118" t="s">
        <v>40</v>
      </c>
      <c r="F32" s="125">
        <v>2</v>
      </c>
      <c r="G32" s="216" t="s">
        <v>41</v>
      </c>
      <c r="H32" s="489"/>
      <c r="I32" s="474"/>
      <c r="J32" s="474"/>
      <c r="K32" s="474"/>
      <c r="L32" s="469"/>
    </row>
    <row r="33" spans="1:12">
      <c r="A33" s="475">
        <v>10</v>
      </c>
      <c r="B33" s="477">
        <v>213</v>
      </c>
      <c r="C33" s="470" t="s">
        <v>392</v>
      </c>
      <c r="D33" s="471"/>
      <c r="E33" s="471"/>
      <c r="F33" s="471"/>
      <c r="G33" s="472"/>
      <c r="H33" s="488" t="s">
        <v>474</v>
      </c>
      <c r="I33" s="473"/>
      <c r="J33" s="473" t="s">
        <v>482</v>
      </c>
      <c r="K33" s="473">
        <v>1</v>
      </c>
      <c r="L33" s="469"/>
    </row>
    <row r="34" spans="1:12">
      <c r="A34" s="476"/>
      <c r="B34" s="478"/>
      <c r="C34" s="217" t="s">
        <v>39</v>
      </c>
      <c r="D34" s="125" t="s">
        <v>114</v>
      </c>
      <c r="E34" s="118" t="s">
        <v>40</v>
      </c>
      <c r="F34" s="125" t="s">
        <v>146</v>
      </c>
      <c r="G34" s="216" t="s">
        <v>41</v>
      </c>
      <c r="H34" s="489"/>
      <c r="I34" s="474"/>
      <c r="J34" s="474"/>
      <c r="K34" s="474"/>
      <c r="L34" s="469"/>
    </row>
  </sheetData>
  <mergeCells count="146">
    <mergeCell ref="A31:A32"/>
    <mergeCell ref="B31:B32"/>
    <mergeCell ref="C31:G31"/>
    <mergeCell ref="H31:H32"/>
    <mergeCell ref="I31:I32"/>
    <mergeCell ref="J31:J32"/>
    <mergeCell ref="K31:K32"/>
    <mergeCell ref="L31:L32"/>
    <mergeCell ref="A33:A34"/>
    <mergeCell ref="B33:B34"/>
    <mergeCell ref="C33:G33"/>
    <mergeCell ref="H33:H34"/>
    <mergeCell ref="I33:I34"/>
    <mergeCell ref="J33:J34"/>
    <mergeCell ref="K33:K34"/>
    <mergeCell ref="L33:L34"/>
    <mergeCell ref="Q8:Q9"/>
    <mergeCell ref="Q10:Q11"/>
    <mergeCell ref="Q12:Q13"/>
    <mergeCell ref="Q14:Q15"/>
    <mergeCell ref="Q16:Q17"/>
    <mergeCell ref="Q23:Q24"/>
    <mergeCell ref="Q25:Q26"/>
    <mergeCell ref="Q27:Q28"/>
    <mergeCell ref="Q29:Q30"/>
    <mergeCell ref="O8:O9"/>
    <mergeCell ref="O10:O11"/>
    <mergeCell ref="O12:O13"/>
    <mergeCell ref="O14:O15"/>
    <mergeCell ref="O16:O17"/>
    <mergeCell ref="O23:O24"/>
    <mergeCell ref="O25:O26"/>
    <mergeCell ref="O27:O28"/>
    <mergeCell ref="O29:O30"/>
    <mergeCell ref="P10:P11"/>
    <mergeCell ref="P12:P13"/>
    <mergeCell ref="P14:P15"/>
    <mergeCell ref="P16:P17"/>
    <mergeCell ref="P23:P24"/>
    <mergeCell ref="P25:P26"/>
    <mergeCell ref="P27:P28"/>
    <mergeCell ref="P29:P30"/>
    <mergeCell ref="A18:R22"/>
    <mergeCell ref="N10:N11"/>
    <mergeCell ref="N12:N13"/>
    <mergeCell ref="N14:N15"/>
    <mergeCell ref="N16:N17"/>
    <mergeCell ref="N23:N24"/>
    <mergeCell ref="R12:R13"/>
    <mergeCell ref="R14:R15"/>
    <mergeCell ref="R16:R17"/>
    <mergeCell ref="R23:R24"/>
    <mergeCell ref="R10:R11"/>
    <mergeCell ref="R25:R26"/>
    <mergeCell ref="R27:R28"/>
    <mergeCell ref="R29:R30"/>
    <mergeCell ref="N25:N26"/>
    <mergeCell ref="N27:N28"/>
    <mergeCell ref="N29:N30"/>
    <mergeCell ref="M12:M13"/>
    <mergeCell ref="M14:M15"/>
    <mergeCell ref="M16:M17"/>
    <mergeCell ref="M23:M24"/>
    <mergeCell ref="M25:M26"/>
    <mergeCell ref="M27:M28"/>
    <mergeCell ref="M29:M30"/>
    <mergeCell ref="L12:L13"/>
    <mergeCell ref="L14:L15"/>
    <mergeCell ref="L16:L17"/>
    <mergeCell ref="L23:L24"/>
    <mergeCell ref="L25:L26"/>
    <mergeCell ref="L27:L28"/>
    <mergeCell ref="L29:L30"/>
    <mergeCell ref="K12:K13"/>
    <mergeCell ref="K14:K15"/>
    <mergeCell ref="K16:K17"/>
    <mergeCell ref="K23:K24"/>
    <mergeCell ref="K25:K26"/>
    <mergeCell ref="K27:K28"/>
    <mergeCell ref="K29:K30"/>
    <mergeCell ref="J12:J13"/>
    <mergeCell ref="J14:J15"/>
    <mergeCell ref="J16:J17"/>
    <mergeCell ref="J23:J24"/>
    <mergeCell ref="J25:J26"/>
    <mergeCell ref="J27:J28"/>
    <mergeCell ref="J29:J30"/>
    <mergeCell ref="I12:I13"/>
    <mergeCell ref="I14:I15"/>
    <mergeCell ref="I16:I17"/>
    <mergeCell ref="I23:I24"/>
    <mergeCell ref="I25:I26"/>
    <mergeCell ref="I27:I28"/>
    <mergeCell ref="I29:I30"/>
    <mergeCell ref="H12:H13"/>
    <mergeCell ref="H14:H15"/>
    <mergeCell ref="H16:H17"/>
    <mergeCell ref="H23:H24"/>
    <mergeCell ref="H25:H26"/>
    <mergeCell ref="H27:H28"/>
    <mergeCell ref="H29:H30"/>
    <mergeCell ref="B12:B13"/>
    <mergeCell ref="B14:B15"/>
    <mergeCell ref="B16:B17"/>
    <mergeCell ref="B23:B24"/>
    <mergeCell ref="B25:B26"/>
    <mergeCell ref="B27:B28"/>
    <mergeCell ref="B29:B30"/>
    <mergeCell ref="A12:A13"/>
    <mergeCell ref="A14:A15"/>
    <mergeCell ref="A16:A17"/>
    <mergeCell ref="A23:A24"/>
    <mergeCell ref="A25:A26"/>
    <mergeCell ref="A27:A28"/>
    <mergeCell ref="A29:A30"/>
    <mergeCell ref="C12:G12"/>
    <mergeCell ref="C14:G14"/>
    <mergeCell ref="C16:G16"/>
    <mergeCell ref="C23:G23"/>
    <mergeCell ref="C25:G25"/>
    <mergeCell ref="C27:G27"/>
    <mergeCell ref="C29:G29"/>
    <mergeCell ref="A7:R7"/>
    <mergeCell ref="H4:I4"/>
    <mergeCell ref="A6:R6"/>
    <mergeCell ref="C8:G8"/>
    <mergeCell ref="C9:G9"/>
    <mergeCell ref="I8:I9"/>
    <mergeCell ref="R8:R9"/>
    <mergeCell ref="C10:G10"/>
    <mergeCell ref="A8:A9"/>
    <mergeCell ref="A10:A11"/>
    <mergeCell ref="B8:B9"/>
    <mergeCell ref="B10:B11"/>
    <mergeCell ref="H10:H11"/>
    <mergeCell ref="I10:I11"/>
    <mergeCell ref="J8:J9"/>
    <mergeCell ref="J10:J11"/>
    <mergeCell ref="K8:K9"/>
    <mergeCell ref="K10:K11"/>
    <mergeCell ref="L10:L11"/>
    <mergeCell ref="M8:M9"/>
    <mergeCell ref="M10:M11"/>
    <mergeCell ref="N8:N9"/>
    <mergeCell ref="A1:G5"/>
    <mergeCell ref="P8:P9"/>
  </mergeCells>
  <phoneticPr fontId="33"/>
  <dataValidations count="1">
    <dataValidation imeMode="hiragana" allowBlank="1" showInputMessage="1" showErrorMessage="1" sqref="C10 C29 C12 C14 C27 C16:C23 C25 C31 C33"/>
  </dataValidations>
  <pageMargins left="0.27500000000000002" right="0.11805555555555555" top="0.98402777777777772" bottom="0.98402777777777772" header="0.51111111111111107" footer="0.51111111111111107"/>
  <pageSetup paperSize="9" firstPageNumber="4294963191" orientation="portrait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U38"/>
  <sheetViews>
    <sheetView topLeftCell="A3" workbookViewId="0">
      <selection activeCell="C38" sqref="C38"/>
    </sheetView>
  </sheetViews>
  <sheetFormatPr defaultColWidth="9" defaultRowHeight="13.2"/>
  <cols>
    <col min="1" max="1" width="5.6640625" style="134" customWidth="1"/>
    <col min="2" max="2" width="5.6640625" style="313" customWidth="1"/>
    <col min="3" max="3" width="1.21875" style="313" customWidth="1"/>
    <col min="4" max="4" width="6.6640625" style="313" customWidth="1"/>
    <col min="5" max="5" width="1.21875" style="313" customWidth="1"/>
    <col min="6" max="6" width="3" style="313" customWidth="1"/>
    <col min="7" max="7" width="3.21875" style="313" customWidth="1"/>
    <col min="8" max="8" width="6.6640625" style="313" customWidth="1"/>
    <col min="9" max="17" width="6.109375" style="134" customWidth="1"/>
    <col min="18" max="18" width="4.6640625" style="134" customWidth="1"/>
    <col min="19" max="255" width="9" style="134" customWidth="1"/>
    <col min="256" max="16384" width="9" style="307"/>
  </cols>
  <sheetData>
    <row r="1" spans="1:20" s="112" customFormat="1" ht="13.5" customHeight="1">
      <c r="A1" s="436" t="s">
        <v>86</v>
      </c>
      <c r="B1" s="481"/>
      <c r="C1" s="481"/>
      <c r="D1" s="481"/>
      <c r="E1" s="481"/>
      <c r="F1" s="481"/>
      <c r="G1" s="481"/>
      <c r="H1" s="299"/>
      <c r="J1" s="298"/>
      <c r="K1" s="298"/>
      <c r="L1" s="298"/>
      <c r="M1" s="298"/>
      <c r="N1" s="298"/>
      <c r="O1" s="298"/>
      <c r="P1" s="298"/>
    </row>
    <row r="2" spans="1:20" s="112" customFormat="1" ht="13.5" customHeight="1">
      <c r="A2" s="481"/>
      <c r="B2" s="481"/>
      <c r="C2" s="481"/>
      <c r="D2" s="481"/>
      <c r="E2" s="481"/>
      <c r="F2" s="481"/>
      <c r="G2" s="481"/>
      <c r="T2" s="96"/>
    </row>
    <row r="3" spans="1:20" s="112" customFormat="1" ht="13.5" customHeight="1">
      <c r="A3" s="481"/>
      <c r="B3" s="481"/>
      <c r="C3" s="481"/>
      <c r="D3" s="481"/>
      <c r="E3" s="481"/>
      <c r="F3" s="481"/>
      <c r="G3" s="481"/>
      <c r="H3" s="443"/>
      <c r="I3" s="443"/>
      <c r="J3" s="96"/>
      <c r="K3" s="128"/>
      <c r="L3" s="128"/>
      <c r="O3" s="298"/>
      <c r="P3" s="298"/>
      <c r="T3" s="96"/>
    </row>
    <row r="4" spans="1:20" s="112" customFormat="1" ht="13.5" customHeight="1">
      <c r="A4" s="481"/>
      <c r="B4" s="481"/>
      <c r="C4" s="481"/>
      <c r="D4" s="481"/>
      <c r="E4" s="481"/>
      <c r="F4" s="481"/>
      <c r="G4" s="481"/>
      <c r="H4" s="443" t="s">
        <v>43</v>
      </c>
      <c r="I4" s="443"/>
      <c r="J4" s="96" t="s">
        <v>79</v>
      </c>
      <c r="M4" s="298"/>
      <c r="P4" s="298"/>
    </row>
    <row r="5" spans="1:20" s="112" customFormat="1" ht="14.25" customHeight="1">
      <c r="A5" s="482"/>
      <c r="B5" s="482"/>
      <c r="C5" s="482"/>
      <c r="D5" s="482"/>
      <c r="E5" s="482"/>
      <c r="F5" s="482"/>
      <c r="G5" s="482"/>
      <c r="H5" s="438" t="s">
        <v>70</v>
      </c>
      <c r="I5" s="438"/>
      <c r="J5" s="96" t="s">
        <v>80</v>
      </c>
      <c r="K5" s="128"/>
      <c r="L5" s="298"/>
      <c r="M5" s="298"/>
      <c r="N5" s="298"/>
      <c r="O5" s="298"/>
      <c r="P5" s="298"/>
    </row>
    <row r="6" spans="1:20" s="129" customFormat="1" ht="18.75" customHeight="1">
      <c r="A6" s="440"/>
      <c r="B6" s="440"/>
      <c r="C6" s="440"/>
      <c r="D6" s="440"/>
      <c r="E6" s="440"/>
      <c r="F6" s="440"/>
      <c r="G6" s="440"/>
      <c r="H6" s="440"/>
      <c r="I6" s="440"/>
      <c r="J6" s="440"/>
      <c r="K6" s="440"/>
      <c r="L6" s="440"/>
      <c r="M6" s="440"/>
      <c r="N6" s="440"/>
      <c r="O6" s="440"/>
      <c r="P6" s="440"/>
      <c r="Q6" s="440"/>
      <c r="R6" s="440"/>
    </row>
    <row r="7" spans="1:20" ht="42" customHeight="1">
      <c r="A7" s="440" t="s">
        <v>53</v>
      </c>
      <c r="B7" s="440"/>
      <c r="C7" s="440"/>
      <c r="D7" s="440"/>
      <c r="E7" s="440"/>
      <c r="F7" s="440"/>
      <c r="G7" s="440"/>
      <c r="H7" s="440"/>
      <c r="I7" s="440"/>
      <c r="J7" s="440"/>
      <c r="K7" s="440"/>
      <c r="L7" s="440"/>
      <c r="M7" s="440"/>
      <c r="N7" s="440"/>
      <c r="O7" s="461"/>
      <c r="P7" s="461"/>
      <c r="Q7" s="461"/>
      <c r="R7" s="461"/>
    </row>
    <row r="8" spans="1:20">
      <c r="A8" s="473" t="s">
        <v>37</v>
      </c>
      <c r="B8" s="473" t="s">
        <v>2</v>
      </c>
      <c r="C8" s="462" t="s">
        <v>3</v>
      </c>
      <c r="D8" s="463"/>
      <c r="E8" s="463"/>
      <c r="F8" s="463"/>
      <c r="G8" s="464"/>
      <c r="H8" s="308" t="s">
        <v>38</v>
      </c>
      <c r="I8" s="462">
        <v>1</v>
      </c>
      <c r="J8" s="462">
        <v>2</v>
      </c>
      <c r="K8" s="462">
        <v>3</v>
      </c>
      <c r="L8" s="308" t="s">
        <v>44</v>
      </c>
      <c r="M8" s="462"/>
      <c r="N8" s="473" t="s">
        <v>472</v>
      </c>
      <c r="O8" s="469"/>
      <c r="P8" s="469"/>
      <c r="Q8" s="469"/>
      <c r="R8" s="469"/>
    </row>
    <row r="9" spans="1:20">
      <c r="A9" s="474"/>
      <c r="B9" s="474"/>
      <c r="C9" s="465" t="s">
        <v>4</v>
      </c>
      <c r="D9" s="466"/>
      <c r="E9" s="466"/>
      <c r="F9" s="466"/>
      <c r="G9" s="467"/>
      <c r="H9" s="309" t="s">
        <v>6</v>
      </c>
      <c r="I9" s="468"/>
      <c r="J9" s="468"/>
      <c r="K9" s="468"/>
      <c r="L9" s="312" t="s">
        <v>45</v>
      </c>
      <c r="M9" s="468"/>
      <c r="N9" s="480"/>
      <c r="O9" s="469"/>
      <c r="P9" s="469"/>
      <c r="Q9" s="469"/>
      <c r="R9" s="469"/>
    </row>
    <row r="10" spans="1:20">
      <c r="A10" s="475">
        <v>1</v>
      </c>
      <c r="B10" s="477">
        <v>126</v>
      </c>
      <c r="C10" s="470" t="s">
        <v>234</v>
      </c>
      <c r="D10" s="471"/>
      <c r="E10" s="471"/>
      <c r="F10" s="471"/>
      <c r="G10" s="472"/>
      <c r="H10" s="479"/>
      <c r="I10" s="403" t="s">
        <v>487</v>
      </c>
      <c r="J10" s="403" t="s">
        <v>488</v>
      </c>
      <c r="K10" s="403" t="s">
        <v>489</v>
      </c>
      <c r="L10" s="473" t="s">
        <v>487</v>
      </c>
      <c r="M10" s="473"/>
      <c r="N10" s="473">
        <v>2</v>
      </c>
      <c r="O10" s="469"/>
      <c r="P10" s="469"/>
      <c r="Q10" s="469"/>
      <c r="R10" s="469"/>
    </row>
    <row r="11" spans="1:20">
      <c r="A11" s="476"/>
      <c r="B11" s="478"/>
      <c r="C11" s="248" t="s">
        <v>87</v>
      </c>
      <c r="D11" s="204" t="s">
        <v>195</v>
      </c>
      <c r="E11" s="122" t="s">
        <v>40</v>
      </c>
      <c r="F11" s="204">
        <v>1</v>
      </c>
      <c r="G11" s="249" t="s">
        <v>88</v>
      </c>
      <c r="H11" s="479"/>
      <c r="I11" s="404">
        <v>1.1000000000000001</v>
      </c>
      <c r="J11" s="404">
        <v>3.1</v>
      </c>
      <c r="K11" s="404"/>
      <c r="L11" s="474"/>
      <c r="M11" s="474"/>
      <c r="N11" s="474"/>
      <c r="O11" s="469"/>
      <c r="P11" s="469"/>
      <c r="Q11" s="469"/>
      <c r="R11" s="469"/>
    </row>
    <row r="12" spans="1:20">
      <c r="A12" s="475">
        <v>2</v>
      </c>
      <c r="B12" s="477">
        <v>122</v>
      </c>
      <c r="C12" s="483" t="s">
        <v>235</v>
      </c>
      <c r="D12" s="484"/>
      <c r="E12" s="484"/>
      <c r="F12" s="484"/>
      <c r="G12" s="485"/>
      <c r="H12" s="486"/>
      <c r="I12" s="403" t="s">
        <v>490</v>
      </c>
      <c r="J12" s="403" t="s">
        <v>491</v>
      </c>
      <c r="K12" s="403" t="s">
        <v>492</v>
      </c>
      <c r="L12" s="473" t="s">
        <v>492</v>
      </c>
      <c r="M12" s="473"/>
      <c r="N12" s="473">
        <v>1</v>
      </c>
      <c r="O12" s="469"/>
      <c r="P12" s="469"/>
      <c r="Q12" s="469"/>
      <c r="R12" s="469"/>
    </row>
    <row r="13" spans="1:20" ht="15" customHeight="1">
      <c r="A13" s="476"/>
      <c r="B13" s="478"/>
      <c r="C13" s="222" t="s">
        <v>51</v>
      </c>
      <c r="D13" s="223" t="s">
        <v>195</v>
      </c>
      <c r="E13" s="182" t="s">
        <v>40</v>
      </c>
      <c r="F13" s="182">
        <v>1</v>
      </c>
      <c r="G13" s="224" t="s">
        <v>52</v>
      </c>
      <c r="H13" s="487"/>
      <c r="I13" s="404">
        <v>0.3</v>
      </c>
      <c r="J13" s="404">
        <v>2.8</v>
      </c>
      <c r="K13" s="404">
        <v>3.8</v>
      </c>
      <c r="L13" s="474"/>
      <c r="M13" s="474"/>
      <c r="N13" s="474"/>
      <c r="O13" s="469"/>
      <c r="P13" s="469"/>
      <c r="Q13" s="469"/>
      <c r="R13" s="469"/>
    </row>
    <row r="14" spans="1:20">
      <c r="A14" s="475">
        <v>3</v>
      </c>
      <c r="B14" s="477">
        <v>21</v>
      </c>
      <c r="C14" s="470" t="s">
        <v>207</v>
      </c>
      <c r="D14" s="471"/>
      <c r="E14" s="471"/>
      <c r="F14" s="471"/>
      <c r="G14" s="472"/>
      <c r="H14" s="486" t="s">
        <v>214</v>
      </c>
      <c r="I14" s="403" t="s">
        <v>495</v>
      </c>
      <c r="J14" s="403" t="s">
        <v>493</v>
      </c>
      <c r="K14" s="403" t="s">
        <v>496</v>
      </c>
      <c r="L14" s="473" t="s">
        <v>493</v>
      </c>
      <c r="M14" s="473"/>
      <c r="N14" s="473">
        <v>4</v>
      </c>
      <c r="O14" s="469"/>
      <c r="P14" s="469"/>
      <c r="Q14" s="469"/>
      <c r="R14" s="469"/>
    </row>
    <row r="15" spans="1:20">
      <c r="A15" s="476"/>
      <c r="B15" s="478"/>
      <c r="C15" s="218" t="s">
        <v>39</v>
      </c>
      <c r="D15" s="204" t="s">
        <v>196</v>
      </c>
      <c r="E15" s="122" t="s">
        <v>40</v>
      </c>
      <c r="F15" s="204">
        <v>3</v>
      </c>
      <c r="G15" s="219" t="s">
        <v>41</v>
      </c>
      <c r="H15" s="487"/>
      <c r="I15" s="404">
        <v>1.2</v>
      </c>
      <c r="J15" s="404">
        <v>2.5</v>
      </c>
      <c r="K15" s="404">
        <v>3.6</v>
      </c>
      <c r="L15" s="474"/>
      <c r="M15" s="474"/>
      <c r="N15" s="474"/>
      <c r="O15" s="469"/>
      <c r="P15" s="469"/>
      <c r="Q15" s="469"/>
      <c r="R15" s="469"/>
    </row>
    <row r="16" spans="1:20">
      <c r="A16" s="475">
        <v>4</v>
      </c>
      <c r="B16" s="477">
        <v>8</v>
      </c>
      <c r="C16" s="483" t="s">
        <v>197</v>
      </c>
      <c r="D16" s="484"/>
      <c r="E16" s="484"/>
      <c r="F16" s="484"/>
      <c r="G16" s="485"/>
      <c r="H16" s="486" t="s">
        <v>215</v>
      </c>
      <c r="I16" s="403" t="s">
        <v>497</v>
      </c>
      <c r="J16" s="403" t="s">
        <v>498</v>
      </c>
      <c r="K16" s="403" t="s">
        <v>494</v>
      </c>
      <c r="L16" s="473" t="s">
        <v>494</v>
      </c>
      <c r="M16" s="473"/>
      <c r="N16" s="473">
        <v>3</v>
      </c>
      <c r="O16" s="469"/>
      <c r="P16" s="469"/>
      <c r="Q16" s="469"/>
      <c r="R16" s="469"/>
    </row>
    <row r="17" spans="1:18" ht="14.4" customHeight="1">
      <c r="A17" s="476"/>
      <c r="B17" s="478"/>
      <c r="C17" s="222" t="s">
        <v>8</v>
      </c>
      <c r="D17" s="223" t="s">
        <v>196</v>
      </c>
      <c r="E17" s="182" t="s">
        <v>40</v>
      </c>
      <c r="F17" s="182">
        <v>2</v>
      </c>
      <c r="G17" s="224" t="s">
        <v>52</v>
      </c>
      <c r="H17" s="487"/>
      <c r="I17" s="404">
        <v>0.3</v>
      </c>
      <c r="J17" s="404"/>
      <c r="K17" s="404">
        <v>1.2</v>
      </c>
      <c r="L17" s="474"/>
      <c r="M17" s="474"/>
      <c r="N17" s="474"/>
      <c r="O17" s="469"/>
      <c r="P17" s="469"/>
      <c r="Q17" s="469"/>
      <c r="R17" s="469"/>
    </row>
    <row r="18" spans="1:18" ht="13.2" customHeight="1">
      <c r="A18" s="490" t="s">
        <v>94</v>
      </c>
      <c r="B18" s="491"/>
      <c r="C18" s="491"/>
      <c r="D18" s="491"/>
      <c r="E18" s="491"/>
      <c r="F18" s="491"/>
      <c r="G18" s="491"/>
      <c r="H18" s="491"/>
      <c r="I18" s="491"/>
      <c r="J18" s="491"/>
      <c r="K18" s="491"/>
      <c r="L18" s="491"/>
      <c r="M18" s="491"/>
      <c r="N18" s="491"/>
      <c r="O18" s="491"/>
      <c r="P18" s="491"/>
      <c r="Q18" s="491"/>
      <c r="R18" s="491"/>
    </row>
    <row r="19" spans="1:18" ht="11.4" customHeight="1">
      <c r="A19" s="491"/>
      <c r="B19" s="491"/>
      <c r="C19" s="491"/>
      <c r="D19" s="491"/>
      <c r="E19" s="491"/>
      <c r="F19" s="491"/>
      <c r="G19" s="491"/>
      <c r="H19" s="491"/>
      <c r="I19" s="491"/>
      <c r="J19" s="491"/>
      <c r="K19" s="491"/>
      <c r="L19" s="491"/>
      <c r="M19" s="491"/>
      <c r="N19" s="491"/>
      <c r="O19" s="491"/>
      <c r="P19" s="491"/>
      <c r="Q19" s="491"/>
      <c r="R19" s="491"/>
    </row>
    <row r="20" spans="1:18" ht="8.4" customHeight="1">
      <c r="A20" s="491"/>
      <c r="B20" s="491"/>
      <c r="C20" s="491"/>
      <c r="D20" s="491"/>
      <c r="E20" s="491"/>
      <c r="F20" s="491"/>
      <c r="G20" s="491"/>
      <c r="H20" s="491"/>
      <c r="I20" s="491"/>
      <c r="J20" s="491"/>
      <c r="K20" s="491"/>
      <c r="L20" s="491"/>
      <c r="M20" s="491"/>
      <c r="N20" s="491"/>
      <c r="O20" s="491"/>
      <c r="P20" s="491"/>
      <c r="Q20" s="491"/>
      <c r="R20" s="491"/>
    </row>
    <row r="21" spans="1:18" ht="6.6" customHeight="1">
      <c r="A21" s="491"/>
      <c r="B21" s="491"/>
      <c r="C21" s="491"/>
      <c r="D21" s="491"/>
      <c r="E21" s="491"/>
      <c r="F21" s="491"/>
      <c r="G21" s="491"/>
      <c r="H21" s="491"/>
      <c r="I21" s="491"/>
      <c r="J21" s="491"/>
      <c r="K21" s="491"/>
      <c r="L21" s="491"/>
      <c r="M21" s="491"/>
      <c r="N21" s="491"/>
      <c r="O21" s="491"/>
      <c r="P21" s="491"/>
      <c r="Q21" s="491"/>
      <c r="R21" s="491"/>
    </row>
    <row r="22" spans="1:18" ht="7.2" customHeight="1">
      <c r="A22" s="491"/>
      <c r="B22" s="491"/>
      <c r="C22" s="491"/>
      <c r="D22" s="491"/>
      <c r="E22" s="491"/>
      <c r="F22" s="491"/>
      <c r="G22" s="491"/>
      <c r="H22" s="491"/>
      <c r="I22" s="491"/>
      <c r="J22" s="491"/>
      <c r="K22" s="491"/>
      <c r="L22" s="491"/>
      <c r="M22" s="491"/>
      <c r="N22" s="491"/>
      <c r="O22" s="491"/>
      <c r="P22" s="491"/>
      <c r="Q22" s="491"/>
      <c r="R22" s="491"/>
    </row>
    <row r="23" spans="1:18">
      <c r="A23" s="475">
        <v>5</v>
      </c>
      <c r="B23" s="477">
        <v>13</v>
      </c>
      <c r="C23" s="470" t="s">
        <v>212</v>
      </c>
      <c r="D23" s="471"/>
      <c r="E23" s="471"/>
      <c r="F23" s="471"/>
      <c r="G23" s="472"/>
      <c r="H23" s="486" t="s">
        <v>213</v>
      </c>
      <c r="I23" s="403"/>
      <c r="J23" s="403"/>
      <c r="K23" s="403"/>
      <c r="L23" s="473" t="s">
        <v>499</v>
      </c>
      <c r="M23" s="473"/>
      <c r="N23" s="473"/>
      <c r="O23" s="469"/>
      <c r="P23" s="469"/>
      <c r="Q23" s="469"/>
      <c r="R23" s="469"/>
    </row>
    <row r="24" spans="1:18">
      <c r="A24" s="476"/>
      <c r="B24" s="478"/>
      <c r="C24" s="222" t="s">
        <v>8</v>
      </c>
      <c r="D24" s="223" t="s">
        <v>196</v>
      </c>
      <c r="E24" s="182" t="s">
        <v>40</v>
      </c>
      <c r="F24" s="182">
        <v>2</v>
      </c>
      <c r="G24" s="224" t="s">
        <v>52</v>
      </c>
      <c r="H24" s="487"/>
      <c r="I24" s="404"/>
      <c r="J24" s="404"/>
      <c r="K24" s="404"/>
      <c r="L24" s="474"/>
      <c r="M24" s="474"/>
      <c r="N24" s="474"/>
      <c r="O24" s="469"/>
      <c r="P24" s="469"/>
      <c r="Q24" s="469"/>
      <c r="R24" s="469"/>
    </row>
    <row r="25" spans="1:18">
      <c r="A25" s="475">
        <v>6</v>
      </c>
      <c r="B25" s="477">
        <v>305</v>
      </c>
      <c r="C25" s="470" t="s">
        <v>216</v>
      </c>
      <c r="D25" s="471"/>
      <c r="E25" s="471"/>
      <c r="F25" s="471"/>
      <c r="G25" s="472"/>
      <c r="H25" s="486" t="s">
        <v>218</v>
      </c>
      <c r="I25" s="403" t="s">
        <v>501</v>
      </c>
      <c r="J25" s="403" t="s">
        <v>502</v>
      </c>
      <c r="K25" s="403" t="s">
        <v>503</v>
      </c>
      <c r="L25" s="473" t="s">
        <v>503</v>
      </c>
      <c r="M25" s="473"/>
      <c r="N25" s="473">
        <v>5</v>
      </c>
      <c r="O25" s="469"/>
      <c r="P25" s="469"/>
      <c r="Q25" s="469"/>
      <c r="R25" s="469"/>
    </row>
    <row r="26" spans="1:18">
      <c r="A26" s="476"/>
      <c r="B26" s="478"/>
      <c r="C26" s="218" t="s">
        <v>39</v>
      </c>
      <c r="D26" s="204" t="s">
        <v>195</v>
      </c>
      <c r="E26" s="122" t="s">
        <v>40</v>
      </c>
      <c r="F26" s="204" t="s">
        <v>217</v>
      </c>
      <c r="G26" s="219" t="s">
        <v>41</v>
      </c>
      <c r="H26" s="487"/>
      <c r="I26" s="404">
        <v>0.2</v>
      </c>
      <c r="J26" s="404">
        <v>1.4</v>
      </c>
      <c r="K26" s="404">
        <v>2.2999999999999998</v>
      </c>
      <c r="L26" s="474"/>
      <c r="M26" s="474"/>
      <c r="N26" s="474"/>
      <c r="O26" s="469"/>
      <c r="P26" s="469"/>
      <c r="Q26" s="469"/>
      <c r="R26" s="469"/>
    </row>
    <row r="27" spans="1:18">
      <c r="A27" s="475">
        <v>7</v>
      </c>
      <c r="B27" s="477">
        <v>105</v>
      </c>
      <c r="C27" s="470" t="s">
        <v>219</v>
      </c>
      <c r="D27" s="471"/>
      <c r="E27" s="471"/>
      <c r="F27" s="471"/>
      <c r="G27" s="472"/>
      <c r="H27" s="486" t="s">
        <v>220</v>
      </c>
      <c r="I27" s="403"/>
      <c r="J27" s="403"/>
      <c r="K27" s="403"/>
      <c r="L27" s="473" t="s">
        <v>499</v>
      </c>
      <c r="M27" s="473"/>
      <c r="N27" s="473"/>
      <c r="O27" s="469"/>
      <c r="P27" s="469"/>
      <c r="Q27" s="469"/>
      <c r="R27" s="469"/>
    </row>
    <row r="28" spans="1:18">
      <c r="A28" s="476"/>
      <c r="B28" s="478"/>
      <c r="C28" s="218" t="s">
        <v>39</v>
      </c>
      <c r="D28" s="204" t="s">
        <v>195</v>
      </c>
      <c r="E28" s="122" t="s">
        <v>40</v>
      </c>
      <c r="F28" s="204">
        <v>3</v>
      </c>
      <c r="G28" s="219" t="s">
        <v>41</v>
      </c>
      <c r="H28" s="487"/>
      <c r="I28" s="404"/>
      <c r="J28" s="404"/>
      <c r="K28" s="404"/>
      <c r="L28" s="474"/>
      <c r="M28" s="474"/>
      <c r="N28" s="474"/>
      <c r="O28" s="469"/>
      <c r="P28" s="469"/>
      <c r="Q28" s="469"/>
      <c r="R28" s="469"/>
    </row>
    <row r="29" spans="1:18">
      <c r="A29" s="475">
        <v>8</v>
      </c>
      <c r="B29" s="477">
        <v>301</v>
      </c>
      <c r="C29" s="470" t="s">
        <v>209</v>
      </c>
      <c r="D29" s="471"/>
      <c r="E29" s="471"/>
      <c r="F29" s="471"/>
      <c r="G29" s="472"/>
      <c r="H29" s="486"/>
      <c r="I29" s="403" t="s">
        <v>504</v>
      </c>
      <c r="J29" s="403" t="s">
        <v>498</v>
      </c>
      <c r="K29" s="403" t="s">
        <v>505</v>
      </c>
      <c r="L29" s="473" t="s">
        <v>506</v>
      </c>
      <c r="M29" s="473"/>
      <c r="N29" s="473">
        <v>1</v>
      </c>
      <c r="O29" s="469"/>
      <c r="P29" s="469"/>
      <c r="Q29" s="469"/>
      <c r="R29" s="469"/>
    </row>
    <row r="30" spans="1:18">
      <c r="A30" s="476"/>
      <c r="B30" s="478"/>
      <c r="C30" s="218" t="s">
        <v>39</v>
      </c>
      <c r="D30" s="204" t="s">
        <v>195</v>
      </c>
      <c r="E30" s="244" t="s">
        <v>47</v>
      </c>
      <c r="F30" s="204" t="s">
        <v>208</v>
      </c>
      <c r="G30" s="219" t="s">
        <v>41</v>
      </c>
      <c r="H30" s="487"/>
      <c r="I30" s="404">
        <v>2.6</v>
      </c>
      <c r="J30" s="404"/>
      <c r="K30" s="404">
        <v>3.8</v>
      </c>
      <c r="L30" s="474"/>
      <c r="M30" s="474"/>
      <c r="N30" s="474"/>
      <c r="O30" s="469"/>
      <c r="P30" s="469"/>
      <c r="Q30" s="469"/>
      <c r="R30" s="469"/>
    </row>
    <row r="31" spans="1:18">
      <c r="A31" s="475">
        <v>9</v>
      </c>
      <c r="B31" s="477">
        <v>1</v>
      </c>
      <c r="C31" s="470" t="s">
        <v>518</v>
      </c>
      <c r="D31" s="471"/>
      <c r="E31" s="471"/>
      <c r="F31" s="471"/>
      <c r="G31" s="472"/>
      <c r="H31" s="486" t="s">
        <v>474</v>
      </c>
      <c r="I31" s="403" t="s">
        <v>511</v>
      </c>
      <c r="J31" s="403" t="s">
        <v>514</v>
      </c>
      <c r="K31" s="403" t="s">
        <v>516</v>
      </c>
      <c r="L31" s="473" t="s">
        <v>507</v>
      </c>
      <c r="M31" s="473"/>
      <c r="N31" s="473">
        <v>6</v>
      </c>
      <c r="O31" s="469"/>
      <c r="P31" s="469"/>
      <c r="Q31" s="469"/>
      <c r="R31" s="469"/>
    </row>
    <row r="32" spans="1:18">
      <c r="A32" s="476"/>
      <c r="B32" s="478"/>
      <c r="C32" s="218" t="s">
        <v>39</v>
      </c>
      <c r="D32" s="204" t="s">
        <v>114</v>
      </c>
      <c r="E32" s="244" t="s">
        <v>47</v>
      </c>
      <c r="F32" s="204">
        <v>2</v>
      </c>
      <c r="G32" s="219" t="s">
        <v>41</v>
      </c>
      <c r="H32" s="487"/>
      <c r="I32" s="404">
        <v>1.2</v>
      </c>
      <c r="J32" s="404">
        <v>2.2999999999999998</v>
      </c>
      <c r="K32" s="404">
        <v>2.7</v>
      </c>
      <c r="L32" s="474"/>
      <c r="M32" s="474"/>
      <c r="N32" s="474"/>
      <c r="O32" s="469"/>
      <c r="P32" s="469"/>
      <c r="Q32" s="469"/>
      <c r="R32" s="469"/>
    </row>
    <row r="33" spans="1:18">
      <c r="A33" s="475">
        <v>10</v>
      </c>
      <c r="B33" s="477">
        <v>53</v>
      </c>
      <c r="C33" s="470" t="s">
        <v>449</v>
      </c>
      <c r="D33" s="471"/>
      <c r="E33" s="471"/>
      <c r="F33" s="471"/>
      <c r="G33" s="472"/>
      <c r="H33" s="486" t="s">
        <v>474</v>
      </c>
      <c r="I33" s="403" t="s">
        <v>508</v>
      </c>
      <c r="J33" s="403" t="s">
        <v>498</v>
      </c>
      <c r="K33" s="403" t="s">
        <v>489</v>
      </c>
      <c r="L33" s="473" t="s">
        <v>508</v>
      </c>
      <c r="M33" s="473"/>
      <c r="N33" s="473">
        <v>4</v>
      </c>
      <c r="O33" s="469"/>
      <c r="P33" s="469"/>
      <c r="Q33" s="469"/>
      <c r="R33" s="469"/>
    </row>
    <row r="34" spans="1:18">
      <c r="A34" s="476"/>
      <c r="B34" s="478"/>
      <c r="C34" s="218" t="s">
        <v>39</v>
      </c>
      <c r="D34" s="204" t="s">
        <v>114</v>
      </c>
      <c r="E34" s="244" t="s">
        <v>47</v>
      </c>
      <c r="F34" s="204">
        <v>1</v>
      </c>
      <c r="G34" s="219" t="s">
        <v>41</v>
      </c>
      <c r="H34" s="487"/>
      <c r="I34" s="406">
        <v>3</v>
      </c>
      <c r="J34" s="404"/>
      <c r="K34" s="404"/>
      <c r="L34" s="474"/>
      <c r="M34" s="474"/>
      <c r="N34" s="474"/>
      <c r="O34" s="469"/>
      <c r="P34" s="469"/>
      <c r="Q34" s="469"/>
      <c r="R34" s="469"/>
    </row>
    <row r="35" spans="1:18">
      <c r="A35" s="475">
        <v>11</v>
      </c>
      <c r="B35" s="477">
        <v>54</v>
      </c>
      <c r="C35" s="470" t="s">
        <v>519</v>
      </c>
      <c r="D35" s="471"/>
      <c r="E35" s="471"/>
      <c r="F35" s="471"/>
      <c r="G35" s="472"/>
      <c r="H35" s="486" t="s">
        <v>474</v>
      </c>
      <c r="I35" s="403" t="s">
        <v>512</v>
      </c>
      <c r="J35" s="403" t="s">
        <v>498</v>
      </c>
      <c r="K35" s="403" t="s">
        <v>489</v>
      </c>
      <c r="L35" s="473" t="s">
        <v>509</v>
      </c>
      <c r="M35" s="473"/>
      <c r="N35" s="473">
        <v>2</v>
      </c>
      <c r="O35" s="469"/>
      <c r="P35" s="469"/>
      <c r="Q35" s="469"/>
      <c r="R35" s="469"/>
    </row>
    <row r="36" spans="1:18">
      <c r="A36" s="476"/>
      <c r="B36" s="478"/>
      <c r="C36" s="218" t="s">
        <v>39</v>
      </c>
      <c r="D36" s="204" t="s">
        <v>114</v>
      </c>
      <c r="E36" s="244" t="s">
        <v>47</v>
      </c>
      <c r="F36" s="204">
        <v>1</v>
      </c>
      <c r="G36" s="219" t="s">
        <v>41</v>
      </c>
      <c r="H36" s="487"/>
      <c r="I36" s="404">
        <v>3.2</v>
      </c>
      <c r="J36" s="404"/>
      <c r="K36" s="404"/>
      <c r="L36" s="474"/>
      <c r="M36" s="474"/>
      <c r="N36" s="474"/>
      <c r="O36" s="469"/>
      <c r="P36" s="469"/>
      <c r="Q36" s="469"/>
      <c r="R36" s="469"/>
    </row>
    <row r="37" spans="1:18">
      <c r="A37" s="475">
        <v>12</v>
      </c>
      <c r="B37" s="477">
        <v>210</v>
      </c>
      <c r="C37" s="470" t="s">
        <v>520</v>
      </c>
      <c r="D37" s="471"/>
      <c r="E37" s="471"/>
      <c r="F37" s="471"/>
      <c r="G37" s="472"/>
      <c r="H37" s="486" t="s">
        <v>474</v>
      </c>
      <c r="I37" s="403" t="s">
        <v>513</v>
      </c>
      <c r="J37" s="403" t="s">
        <v>515</v>
      </c>
      <c r="K37" s="403" t="s">
        <v>517</v>
      </c>
      <c r="L37" s="473" t="s">
        <v>510</v>
      </c>
      <c r="M37" s="473"/>
      <c r="N37" s="473">
        <v>3</v>
      </c>
      <c r="O37" s="469"/>
      <c r="P37" s="469"/>
      <c r="Q37" s="469"/>
      <c r="R37" s="469"/>
    </row>
    <row r="38" spans="1:18">
      <c r="A38" s="476"/>
      <c r="B38" s="478"/>
      <c r="C38" s="217" t="s">
        <v>39</v>
      </c>
      <c r="D38" s="125" t="s">
        <v>114</v>
      </c>
      <c r="E38" s="405" t="s">
        <v>47</v>
      </c>
      <c r="F38" s="125" t="s">
        <v>500</v>
      </c>
      <c r="G38" s="216" t="s">
        <v>41</v>
      </c>
      <c r="H38" s="487"/>
      <c r="I38" s="404">
        <v>2.2000000000000002</v>
      </c>
      <c r="J38" s="406">
        <v>4</v>
      </c>
      <c r="K38" s="404">
        <v>1.5</v>
      </c>
      <c r="L38" s="474"/>
      <c r="M38" s="474"/>
      <c r="N38" s="474"/>
      <c r="O38" s="469"/>
      <c r="P38" s="469"/>
      <c r="Q38" s="469"/>
      <c r="R38" s="469"/>
    </row>
  </sheetData>
  <mergeCells count="152">
    <mergeCell ref="N37:N38"/>
    <mergeCell ref="O37:O38"/>
    <mergeCell ref="P37:P38"/>
    <mergeCell ref="Q37:Q38"/>
    <mergeCell ref="R37:R38"/>
    <mergeCell ref="A37:A38"/>
    <mergeCell ref="B37:B38"/>
    <mergeCell ref="C37:G37"/>
    <mergeCell ref="H37:H38"/>
    <mergeCell ref="L37:L38"/>
    <mergeCell ref="M37:M38"/>
    <mergeCell ref="A33:A34"/>
    <mergeCell ref="B33:B34"/>
    <mergeCell ref="C33:G33"/>
    <mergeCell ref="H33:H34"/>
    <mergeCell ref="P33:P34"/>
    <mergeCell ref="Q33:Q34"/>
    <mergeCell ref="R33:R34"/>
    <mergeCell ref="A35:A36"/>
    <mergeCell ref="B35:B36"/>
    <mergeCell ref="C35:G35"/>
    <mergeCell ref="H35:H36"/>
    <mergeCell ref="L33:L34"/>
    <mergeCell ref="M33:M34"/>
    <mergeCell ref="N33:N34"/>
    <mergeCell ref="O33:O34"/>
    <mergeCell ref="R35:R36"/>
    <mergeCell ref="L35:L36"/>
    <mergeCell ref="M35:M36"/>
    <mergeCell ref="N35:N36"/>
    <mergeCell ref="O35:O36"/>
    <mergeCell ref="P35:P36"/>
    <mergeCell ref="Q35:Q36"/>
    <mergeCell ref="R29:R30"/>
    <mergeCell ref="A31:A32"/>
    <mergeCell ref="B31:B32"/>
    <mergeCell ref="C31:G31"/>
    <mergeCell ref="H31:H32"/>
    <mergeCell ref="L31:L32"/>
    <mergeCell ref="M31:M32"/>
    <mergeCell ref="L29:L30"/>
    <mergeCell ref="M29:M30"/>
    <mergeCell ref="N29:N30"/>
    <mergeCell ref="O29:O30"/>
    <mergeCell ref="P29:P30"/>
    <mergeCell ref="Q29:Q30"/>
    <mergeCell ref="N31:N32"/>
    <mergeCell ref="O31:O32"/>
    <mergeCell ref="P31:P32"/>
    <mergeCell ref="Q31:Q32"/>
    <mergeCell ref="R31:R32"/>
    <mergeCell ref="A29:A30"/>
    <mergeCell ref="B29:B30"/>
    <mergeCell ref="C29:G29"/>
    <mergeCell ref="H29:H30"/>
    <mergeCell ref="R25:R26"/>
    <mergeCell ref="A27:A28"/>
    <mergeCell ref="B27:B28"/>
    <mergeCell ref="C27:G27"/>
    <mergeCell ref="H27:H28"/>
    <mergeCell ref="P27:P28"/>
    <mergeCell ref="Q27:Q28"/>
    <mergeCell ref="R27:R28"/>
    <mergeCell ref="L27:L28"/>
    <mergeCell ref="M27:M28"/>
    <mergeCell ref="N27:N28"/>
    <mergeCell ref="O27:O28"/>
    <mergeCell ref="A25:A26"/>
    <mergeCell ref="B25:B26"/>
    <mergeCell ref="C25:G25"/>
    <mergeCell ref="H25:H26"/>
    <mergeCell ref="N25:N26"/>
    <mergeCell ref="O25:O26"/>
    <mergeCell ref="P25:P26"/>
    <mergeCell ref="Q25:Q26"/>
    <mergeCell ref="M25:M26"/>
    <mergeCell ref="L25:L26"/>
    <mergeCell ref="C16:G16"/>
    <mergeCell ref="H16:H17"/>
    <mergeCell ref="R23:R24"/>
    <mergeCell ref="L23:L24"/>
    <mergeCell ref="O14:O15"/>
    <mergeCell ref="P14:P15"/>
    <mergeCell ref="Q14:Q15"/>
    <mergeCell ref="R14:R15"/>
    <mergeCell ref="M23:M24"/>
    <mergeCell ref="N23:N24"/>
    <mergeCell ref="O23:O24"/>
    <mergeCell ref="P23:P24"/>
    <mergeCell ref="Q23:Q24"/>
    <mergeCell ref="Q16:Q17"/>
    <mergeCell ref="R16:R17"/>
    <mergeCell ref="A18:R22"/>
    <mergeCell ref="A23:A24"/>
    <mergeCell ref="B23:B24"/>
    <mergeCell ref="C23:G23"/>
    <mergeCell ref="H23:H24"/>
    <mergeCell ref="L16:L17"/>
    <mergeCell ref="M16:M17"/>
    <mergeCell ref="N16:N17"/>
    <mergeCell ref="O16:O17"/>
    <mergeCell ref="Q12:Q13"/>
    <mergeCell ref="R12:R13"/>
    <mergeCell ref="A14:A15"/>
    <mergeCell ref="B14:B15"/>
    <mergeCell ref="C14:G14"/>
    <mergeCell ref="H14:H15"/>
    <mergeCell ref="L14:L15"/>
    <mergeCell ref="L12:L13"/>
    <mergeCell ref="M12:M13"/>
    <mergeCell ref="N12:N13"/>
    <mergeCell ref="O12:O13"/>
    <mergeCell ref="P12:P13"/>
    <mergeCell ref="A12:A13"/>
    <mergeCell ref="B12:B13"/>
    <mergeCell ref="C12:G12"/>
    <mergeCell ref="H12:H13"/>
    <mergeCell ref="M14:M15"/>
    <mergeCell ref="N14:N15"/>
    <mergeCell ref="P16:P17"/>
    <mergeCell ref="A16:A17"/>
    <mergeCell ref="B16:B17"/>
    <mergeCell ref="M10:M11"/>
    <mergeCell ref="N10:N11"/>
    <mergeCell ref="O10:O11"/>
    <mergeCell ref="P10:P11"/>
    <mergeCell ref="Q10:Q11"/>
    <mergeCell ref="R10:R11"/>
    <mergeCell ref="R8:R9"/>
    <mergeCell ref="C9:G9"/>
    <mergeCell ref="A10:A11"/>
    <mergeCell ref="B10:B11"/>
    <mergeCell ref="C10:G10"/>
    <mergeCell ref="H10:H11"/>
    <mergeCell ref="L10:L11"/>
    <mergeCell ref="K8:K9"/>
    <mergeCell ref="M8:M9"/>
    <mergeCell ref="N8:N9"/>
    <mergeCell ref="O8:O9"/>
    <mergeCell ref="P8:P9"/>
    <mergeCell ref="Q8:Q9"/>
    <mergeCell ref="A1:G5"/>
    <mergeCell ref="H3:I3"/>
    <mergeCell ref="H4:I4"/>
    <mergeCell ref="A6:R6"/>
    <mergeCell ref="A7:R7"/>
    <mergeCell ref="A8:A9"/>
    <mergeCell ref="B8:B9"/>
    <mergeCell ref="C8:G8"/>
    <mergeCell ref="I8:I9"/>
    <mergeCell ref="J8:J9"/>
    <mergeCell ref="H5:I5"/>
  </mergeCells>
  <phoneticPr fontId="33"/>
  <dataValidations count="1">
    <dataValidation imeMode="hiragana" allowBlank="1" showInputMessage="1" showErrorMessage="1" sqref="C10 C33 C16 C29 C12 C14 C27 C25 C18:C23 C31 C35 C37"/>
  </dataValidations>
  <pageMargins left="0.27500000000000002" right="0.11805555555555555" top="0.98402777777777772" bottom="0.98402777777777772" header="0.51111111111111107" footer="0.51111111111111107"/>
  <pageSetup paperSize="9" firstPageNumber="4294963191" orientation="portrait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41"/>
  <sheetViews>
    <sheetView topLeftCell="A6" workbookViewId="0">
      <selection activeCell="C13" sqref="C13"/>
    </sheetView>
  </sheetViews>
  <sheetFormatPr defaultColWidth="9" defaultRowHeight="13.2"/>
  <cols>
    <col min="1" max="1" width="5" style="196" customWidth="1"/>
    <col min="2" max="2" width="5.6640625" style="196" customWidth="1"/>
    <col min="3" max="3" width="1.21875" style="196" customWidth="1"/>
    <col min="4" max="4" width="6.6640625" style="196" customWidth="1"/>
    <col min="5" max="5" width="1.21875" style="196" customWidth="1"/>
    <col min="6" max="6" width="3.88671875" style="196" customWidth="1"/>
    <col min="7" max="7" width="3.109375" style="196" customWidth="1"/>
    <col min="8" max="16" width="6.6640625" style="196" customWidth="1"/>
    <col min="17" max="17" width="5.44140625" style="196" customWidth="1"/>
    <col min="18" max="18" width="3.33203125" style="196" customWidth="1"/>
    <col min="19" max="19" width="7.21875" style="196" customWidth="1"/>
    <col min="20" max="20" width="5.6640625" style="196" customWidth="1"/>
    <col min="21" max="21" width="1.77734375" style="196" customWidth="1"/>
    <col min="22" max="22" width="6.6640625" style="196" customWidth="1"/>
    <col min="23" max="23" width="5.88671875" style="196" customWidth="1"/>
    <col min="24" max="24" width="9" style="196" bestFit="1"/>
    <col min="25" max="16384" width="9" style="196"/>
  </cols>
  <sheetData>
    <row r="1" spans="1:23" ht="13.5" customHeight="1">
      <c r="A1" s="436" t="s">
        <v>46</v>
      </c>
      <c r="B1" s="511"/>
      <c r="C1" s="511"/>
      <c r="D1" s="511"/>
      <c r="E1" s="511"/>
      <c r="F1" s="511"/>
      <c r="G1" s="511"/>
      <c r="H1" s="99"/>
      <c r="I1" s="92"/>
      <c r="J1" s="92"/>
      <c r="K1" s="92"/>
      <c r="L1" s="92"/>
      <c r="M1" s="92"/>
      <c r="N1" s="112"/>
      <c r="O1" s="112"/>
      <c r="P1" s="112"/>
      <c r="Q1" s="112"/>
    </row>
    <row r="2" spans="1:23" ht="13.5" customHeight="1">
      <c r="A2" s="511"/>
      <c r="B2" s="511"/>
      <c r="C2" s="511"/>
      <c r="D2" s="511"/>
      <c r="E2" s="511"/>
      <c r="F2" s="511"/>
      <c r="G2" s="511"/>
      <c r="Q2" s="112"/>
      <c r="S2" s="202"/>
      <c r="T2" s="202"/>
    </row>
    <row r="3" spans="1:23" ht="13.5" customHeight="1">
      <c r="A3" s="511"/>
      <c r="B3" s="511"/>
      <c r="C3" s="511"/>
      <c r="D3" s="511"/>
      <c r="E3" s="511"/>
      <c r="F3" s="511"/>
      <c r="G3" s="511"/>
      <c r="I3" s="443"/>
      <c r="J3" s="443"/>
      <c r="K3" s="96"/>
      <c r="L3" s="92"/>
      <c r="M3" s="92"/>
      <c r="N3" s="92"/>
      <c r="O3" s="112"/>
      <c r="P3" s="112"/>
      <c r="Q3" s="112"/>
      <c r="S3" s="202"/>
      <c r="T3" s="202"/>
    </row>
    <row r="4" spans="1:23" ht="13.5" customHeight="1">
      <c r="A4" s="511"/>
      <c r="B4" s="511"/>
      <c r="C4" s="511"/>
      <c r="D4" s="511"/>
      <c r="E4" s="511"/>
      <c r="F4" s="511"/>
      <c r="G4" s="511"/>
      <c r="H4" s="443" t="s">
        <v>43</v>
      </c>
      <c r="I4" s="443"/>
      <c r="J4" s="96" t="s">
        <v>81</v>
      </c>
      <c r="K4" s="112"/>
      <c r="L4" s="112"/>
      <c r="M4" s="92"/>
      <c r="N4" s="112"/>
      <c r="O4" s="112"/>
      <c r="P4" s="112"/>
      <c r="Q4" s="112"/>
      <c r="S4" s="202"/>
      <c r="T4" s="202"/>
      <c r="V4" s="202"/>
      <c r="W4" s="202"/>
    </row>
    <row r="5" spans="1:23" ht="13.5" customHeight="1">
      <c r="A5" s="469"/>
      <c r="B5" s="469"/>
      <c r="C5" s="469"/>
      <c r="D5" s="469"/>
      <c r="E5" s="469"/>
      <c r="F5" s="469"/>
      <c r="G5" s="469"/>
      <c r="H5" s="438" t="s">
        <v>70</v>
      </c>
      <c r="I5" s="438"/>
      <c r="J5" s="96" t="s">
        <v>82</v>
      </c>
      <c r="K5" s="92"/>
      <c r="L5" s="92"/>
      <c r="M5" s="92"/>
      <c r="N5" s="112"/>
      <c r="O5" s="112"/>
      <c r="P5" s="112"/>
      <c r="Q5" s="112"/>
      <c r="S5" s="202"/>
      <c r="T5" s="202"/>
      <c r="V5" s="202"/>
      <c r="W5" s="202"/>
    </row>
    <row r="6" spans="1:23" ht="18.600000000000001" customHeight="1">
      <c r="A6" s="510"/>
      <c r="B6" s="510"/>
      <c r="C6" s="510"/>
      <c r="D6" s="510"/>
      <c r="E6" s="510"/>
      <c r="F6" s="510"/>
      <c r="G6" s="510"/>
      <c r="H6" s="510"/>
      <c r="I6" s="510"/>
      <c r="J6" s="510"/>
      <c r="K6" s="510"/>
      <c r="L6" s="510"/>
      <c r="M6" s="510"/>
      <c r="N6" s="510"/>
      <c r="O6" s="510"/>
      <c r="P6" s="510"/>
      <c r="Q6" s="510"/>
      <c r="S6" s="202"/>
      <c r="T6" s="202"/>
      <c r="V6" s="202"/>
      <c r="W6" s="202"/>
    </row>
    <row r="7" spans="1:23" ht="42" customHeight="1">
      <c r="A7" s="440" t="s">
        <v>53</v>
      </c>
      <c r="B7" s="440"/>
      <c r="C7" s="440"/>
      <c r="D7" s="440"/>
      <c r="E7" s="440"/>
      <c r="F7" s="440"/>
      <c r="G7" s="440"/>
      <c r="H7" s="440"/>
      <c r="I7" s="440"/>
      <c r="J7" s="440"/>
      <c r="K7" s="440"/>
      <c r="L7" s="440"/>
      <c r="M7" s="440"/>
      <c r="N7" s="440"/>
      <c r="O7" s="461"/>
      <c r="P7" s="461"/>
      <c r="Q7" s="461"/>
      <c r="S7" s="202"/>
      <c r="T7" s="202"/>
      <c r="V7" s="202"/>
      <c r="W7" s="202"/>
    </row>
    <row r="8" spans="1:23" ht="11.25" customHeight="1">
      <c r="A8" s="504" t="s">
        <v>37</v>
      </c>
      <c r="B8" s="504" t="s">
        <v>2</v>
      </c>
      <c r="C8" s="493" t="s">
        <v>3</v>
      </c>
      <c r="D8" s="494"/>
      <c r="E8" s="494"/>
      <c r="F8" s="494"/>
      <c r="G8" s="495"/>
      <c r="H8" s="220" t="s">
        <v>38</v>
      </c>
      <c r="I8" s="504">
        <v>1</v>
      </c>
      <c r="J8" s="504">
        <v>2</v>
      </c>
      <c r="K8" s="504">
        <v>3</v>
      </c>
      <c r="L8" s="220" t="s">
        <v>44</v>
      </c>
      <c r="M8" s="504"/>
      <c r="N8" s="504" t="s">
        <v>472</v>
      </c>
      <c r="O8" s="497"/>
      <c r="P8" s="497"/>
      <c r="Q8" s="492"/>
      <c r="S8" s="202"/>
      <c r="T8" s="202"/>
      <c r="V8" s="202"/>
      <c r="W8" s="202"/>
    </row>
    <row r="9" spans="1:23" ht="11.25" customHeight="1">
      <c r="A9" s="505"/>
      <c r="B9" s="512"/>
      <c r="C9" s="496" t="s">
        <v>4</v>
      </c>
      <c r="D9" s="497"/>
      <c r="E9" s="497"/>
      <c r="F9" s="497"/>
      <c r="G9" s="498"/>
      <c r="H9" s="221" t="s">
        <v>6</v>
      </c>
      <c r="I9" s="505"/>
      <c r="J9" s="505"/>
      <c r="K9" s="505"/>
      <c r="L9" s="221" t="s">
        <v>45</v>
      </c>
      <c r="M9" s="505"/>
      <c r="N9" s="505"/>
      <c r="O9" s="497"/>
      <c r="P9" s="497"/>
      <c r="Q9" s="492"/>
      <c r="S9" s="202"/>
      <c r="T9" s="202"/>
      <c r="V9" s="202"/>
      <c r="W9" s="202"/>
    </row>
    <row r="10" spans="1:23" ht="13.2" customHeight="1">
      <c r="A10" s="508">
        <v>1</v>
      </c>
      <c r="B10" s="513">
        <v>117</v>
      </c>
      <c r="C10" s="499" t="s">
        <v>194</v>
      </c>
      <c r="D10" s="500"/>
      <c r="E10" s="500"/>
      <c r="F10" s="500"/>
      <c r="G10" s="501"/>
      <c r="H10" s="502"/>
      <c r="I10" s="506" t="s">
        <v>525</v>
      </c>
      <c r="J10" s="506" t="s">
        <v>528</v>
      </c>
      <c r="K10" s="506" t="s">
        <v>531</v>
      </c>
      <c r="L10" s="506" t="s">
        <v>525</v>
      </c>
      <c r="M10" s="504"/>
      <c r="N10" s="504">
        <v>4</v>
      </c>
      <c r="O10" s="497"/>
      <c r="P10" s="497"/>
      <c r="Q10" s="492"/>
      <c r="S10" s="37"/>
      <c r="T10" s="198"/>
      <c r="V10" s="202"/>
      <c r="W10" s="52"/>
    </row>
    <row r="11" spans="1:23" ht="13.2" customHeight="1">
      <c r="A11" s="509"/>
      <c r="B11" s="514"/>
      <c r="C11" s="248" t="s">
        <v>87</v>
      </c>
      <c r="D11" s="204" t="s">
        <v>195</v>
      </c>
      <c r="E11" s="122" t="s">
        <v>40</v>
      </c>
      <c r="F11" s="204">
        <v>2</v>
      </c>
      <c r="G11" s="249" t="s">
        <v>88</v>
      </c>
      <c r="H11" s="503"/>
      <c r="I11" s="507"/>
      <c r="J11" s="507"/>
      <c r="K11" s="507"/>
      <c r="L11" s="507"/>
      <c r="M11" s="505"/>
      <c r="N11" s="505"/>
      <c r="O11" s="497"/>
      <c r="P11" s="497"/>
      <c r="Q11" s="492"/>
      <c r="S11" s="37"/>
      <c r="T11" s="52"/>
      <c r="V11" s="202"/>
      <c r="W11" s="202"/>
    </row>
    <row r="12" spans="1:23" ht="13.2" customHeight="1">
      <c r="A12" s="508">
        <v>2</v>
      </c>
      <c r="B12" s="513">
        <v>107</v>
      </c>
      <c r="C12" s="470" t="s">
        <v>561</v>
      </c>
      <c r="D12" s="471"/>
      <c r="E12" s="471"/>
      <c r="F12" s="471"/>
      <c r="G12" s="472"/>
      <c r="H12" s="502" t="s">
        <v>228</v>
      </c>
      <c r="I12" s="506" t="s">
        <v>526</v>
      </c>
      <c r="J12" s="506" t="s">
        <v>498</v>
      </c>
      <c r="K12" s="506" t="s">
        <v>532</v>
      </c>
      <c r="L12" s="506" t="s">
        <v>535</v>
      </c>
      <c r="M12" s="504"/>
      <c r="N12" s="504">
        <v>3</v>
      </c>
      <c r="O12" s="497"/>
      <c r="P12" s="497"/>
      <c r="Q12" s="492"/>
      <c r="S12" s="37"/>
      <c r="T12" s="199"/>
      <c r="V12" s="202"/>
      <c r="W12" s="198"/>
    </row>
    <row r="13" spans="1:23" ht="13.2" customHeight="1">
      <c r="A13" s="509"/>
      <c r="B13" s="514"/>
      <c r="C13" s="222" t="s">
        <v>51</v>
      </c>
      <c r="D13" s="223" t="s">
        <v>195</v>
      </c>
      <c r="E13" s="182" t="s">
        <v>40</v>
      </c>
      <c r="F13" s="182">
        <v>3</v>
      </c>
      <c r="G13" s="224" t="s">
        <v>52</v>
      </c>
      <c r="H13" s="503"/>
      <c r="I13" s="507"/>
      <c r="J13" s="507"/>
      <c r="K13" s="507"/>
      <c r="L13" s="507"/>
      <c r="M13" s="505"/>
      <c r="N13" s="505"/>
      <c r="O13" s="497"/>
      <c r="P13" s="497"/>
      <c r="Q13" s="492"/>
      <c r="S13" s="37"/>
      <c r="T13" s="203"/>
      <c r="V13" s="202"/>
      <c r="W13" s="202"/>
    </row>
    <row r="14" spans="1:23" ht="13.2" customHeight="1">
      <c r="A14" s="508">
        <v>3</v>
      </c>
      <c r="B14" s="513">
        <v>14</v>
      </c>
      <c r="C14" s="499" t="s">
        <v>221</v>
      </c>
      <c r="D14" s="500"/>
      <c r="E14" s="500"/>
      <c r="F14" s="500"/>
      <c r="G14" s="501"/>
      <c r="H14" s="502" t="s">
        <v>229</v>
      </c>
      <c r="I14" s="506" t="s">
        <v>526</v>
      </c>
      <c r="J14" s="506" t="s">
        <v>529</v>
      </c>
      <c r="K14" s="506" t="s">
        <v>533</v>
      </c>
      <c r="L14" s="506" t="s">
        <v>536</v>
      </c>
      <c r="M14" s="504"/>
      <c r="N14" s="504">
        <v>2</v>
      </c>
      <c r="O14" s="497"/>
      <c r="P14" s="497"/>
      <c r="Q14" s="492"/>
      <c r="S14" s="37"/>
      <c r="T14" s="200"/>
      <c r="V14" s="202"/>
      <c r="W14" s="52"/>
    </row>
    <row r="15" spans="1:23" ht="13.2" customHeight="1">
      <c r="A15" s="509"/>
      <c r="B15" s="514"/>
      <c r="C15" s="248" t="s">
        <v>87</v>
      </c>
      <c r="D15" s="204" t="s">
        <v>196</v>
      </c>
      <c r="E15" s="122" t="s">
        <v>40</v>
      </c>
      <c r="F15" s="204">
        <v>2</v>
      </c>
      <c r="G15" s="249" t="s">
        <v>88</v>
      </c>
      <c r="H15" s="503"/>
      <c r="I15" s="507"/>
      <c r="J15" s="507"/>
      <c r="K15" s="507"/>
      <c r="L15" s="507"/>
      <c r="M15" s="505"/>
      <c r="N15" s="505"/>
      <c r="O15" s="497"/>
      <c r="P15" s="497"/>
      <c r="Q15" s="492"/>
      <c r="S15" s="37"/>
      <c r="T15" s="200"/>
      <c r="V15" s="202"/>
      <c r="W15" s="202"/>
    </row>
    <row r="16" spans="1:23" ht="13.2" customHeight="1">
      <c r="A16" s="508">
        <v>4</v>
      </c>
      <c r="B16" s="513">
        <v>12</v>
      </c>
      <c r="C16" s="470" t="s">
        <v>199</v>
      </c>
      <c r="D16" s="471"/>
      <c r="E16" s="471"/>
      <c r="F16" s="471"/>
      <c r="G16" s="472"/>
      <c r="H16" s="502" t="s">
        <v>230</v>
      </c>
      <c r="I16" s="506" t="s">
        <v>527</v>
      </c>
      <c r="J16" s="506" t="s">
        <v>530</v>
      </c>
      <c r="K16" s="506" t="s">
        <v>534</v>
      </c>
      <c r="L16" s="506" t="s">
        <v>537</v>
      </c>
      <c r="M16" s="504"/>
      <c r="N16" s="504">
        <v>1</v>
      </c>
      <c r="O16" s="497"/>
      <c r="P16" s="497"/>
      <c r="Q16" s="492"/>
      <c r="S16" s="37"/>
      <c r="T16" s="52"/>
      <c r="V16" s="202"/>
      <c r="W16" s="52"/>
    </row>
    <row r="17" spans="1:23" ht="13.2" customHeight="1">
      <c r="A17" s="509"/>
      <c r="B17" s="514"/>
      <c r="C17" s="222" t="s">
        <v>51</v>
      </c>
      <c r="D17" s="223" t="s">
        <v>196</v>
      </c>
      <c r="E17" s="182" t="s">
        <v>40</v>
      </c>
      <c r="F17" s="182">
        <v>2</v>
      </c>
      <c r="G17" s="224" t="s">
        <v>52</v>
      </c>
      <c r="H17" s="503"/>
      <c r="I17" s="507"/>
      <c r="J17" s="507"/>
      <c r="K17" s="507"/>
      <c r="L17" s="507"/>
      <c r="M17" s="505"/>
      <c r="N17" s="505"/>
      <c r="O17" s="497"/>
      <c r="P17" s="497"/>
      <c r="Q17" s="492"/>
      <c r="S17" s="37"/>
      <c r="T17" s="198"/>
      <c r="V17" s="202"/>
      <c r="W17" s="202"/>
    </row>
    <row r="18" spans="1:23" ht="10.95" customHeight="1">
      <c r="A18" s="531" t="s">
        <v>95</v>
      </c>
      <c r="B18" s="531"/>
      <c r="C18" s="531"/>
      <c r="D18" s="531"/>
      <c r="E18" s="531"/>
      <c r="F18" s="531"/>
      <c r="G18" s="531"/>
      <c r="H18" s="531"/>
      <c r="I18" s="531"/>
      <c r="J18" s="531"/>
      <c r="K18" s="531"/>
      <c r="L18" s="531"/>
      <c r="M18" s="531"/>
      <c r="N18" s="531"/>
      <c r="O18" s="531"/>
      <c r="P18" s="531"/>
      <c r="Q18" s="531"/>
      <c r="S18" s="37"/>
      <c r="T18" s="198"/>
      <c r="V18" s="202"/>
      <c r="W18" s="202"/>
    </row>
    <row r="19" spans="1:23" ht="3" customHeight="1">
      <c r="A19" s="531"/>
      <c r="B19" s="531"/>
      <c r="C19" s="531"/>
      <c r="D19" s="531"/>
      <c r="E19" s="531"/>
      <c r="F19" s="531"/>
      <c r="G19" s="531"/>
      <c r="H19" s="531"/>
      <c r="I19" s="531"/>
      <c r="J19" s="531"/>
      <c r="K19" s="531"/>
      <c r="L19" s="531"/>
      <c r="M19" s="531"/>
      <c r="N19" s="531"/>
      <c r="O19" s="531"/>
      <c r="P19" s="531"/>
      <c r="Q19" s="531"/>
      <c r="S19" s="37"/>
      <c r="T19" s="198"/>
      <c r="V19" s="202"/>
      <c r="W19" s="202"/>
    </row>
    <row r="20" spans="1:23" ht="7.95" customHeight="1">
      <c r="A20" s="531"/>
      <c r="B20" s="531"/>
      <c r="C20" s="531"/>
      <c r="D20" s="531"/>
      <c r="E20" s="531"/>
      <c r="F20" s="531"/>
      <c r="G20" s="531"/>
      <c r="H20" s="531"/>
      <c r="I20" s="531"/>
      <c r="J20" s="531"/>
      <c r="K20" s="531"/>
      <c r="L20" s="531"/>
      <c r="M20" s="531"/>
      <c r="N20" s="531"/>
      <c r="O20" s="531"/>
      <c r="P20" s="531"/>
      <c r="Q20" s="531"/>
      <c r="S20" s="37"/>
      <c r="T20" s="198"/>
      <c r="V20" s="202"/>
      <c r="W20" s="202"/>
    </row>
    <row r="21" spans="1:23" ht="6.6" customHeight="1">
      <c r="A21" s="531"/>
      <c r="B21" s="531"/>
      <c r="C21" s="531"/>
      <c r="D21" s="531"/>
      <c r="E21" s="531"/>
      <c r="F21" s="531"/>
      <c r="G21" s="531"/>
      <c r="H21" s="531"/>
      <c r="I21" s="531"/>
      <c r="J21" s="531"/>
      <c r="K21" s="531"/>
      <c r="L21" s="531"/>
      <c r="M21" s="531"/>
      <c r="N21" s="531"/>
      <c r="O21" s="531"/>
      <c r="P21" s="531"/>
      <c r="Q21" s="531"/>
      <c r="S21" s="37"/>
      <c r="T21" s="198"/>
      <c r="V21" s="202"/>
      <c r="W21" s="202"/>
    </row>
    <row r="22" spans="1:23" ht="11.25" customHeight="1">
      <c r="A22" s="531"/>
      <c r="B22" s="531"/>
      <c r="C22" s="531"/>
      <c r="D22" s="531"/>
      <c r="E22" s="531"/>
      <c r="F22" s="531"/>
      <c r="G22" s="531"/>
      <c r="H22" s="531"/>
      <c r="I22" s="531"/>
      <c r="J22" s="531"/>
      <c r="K22" s="531"/>
      <c r="L22" s="531"/>
      <c r="M22" s="531"/>
      <c r="N22" s="531"/>
      <c r="O22" s="531"/>
      <c r="P22" s="531"/>
      <c r="Q22" s="531"/>
      <c r="S22" s="37"/>
      <c r="T22" s="198"/>
      <c r="V22" s="202"/>
      <c r="W22" s="202"/>
    </row>
    <row r="23" spans="1:23" ht="6.6" customHeight="1">
      <c r="A23" s="531"/>
      <c r="B23" s="531"/>
      <c r="C23" s="531"/>
      <c r="D23" s="531"/>
      <c r="E23" s="531"/>
      <c r="F23" s="531"/>
      <c r="G23" s="531"/>
      <c r="H23" s="531"/>
      <c r="I23" s="531"/>
      <c r="J23" s="531"/>
      <c r="K23" s="531"/>
      <c r="L23" s="531"/>
      <c r="M23" s="531"/>
      <c r="N23" s="531"/>
      <c r="O23" s="531"/>
      <c r="P23" s="531"/>
      <c r="Q23" s="531"/>
      <c r="S23" s="37"/>
      <c r="T23" s="198"/>
      <c r="V23" s="202"/>
      <c r="W23" s="202"/>
    </row>
    <row r="24" spans="1:23" ht="13.2" customHeight="1">
      <c r="A24" s="508">
        <v>5</v>
      </c>
      <c r="B24" s="513">
        <v>13</v>
      </c>
      <c r="C24" s="499" t="s">
        <v>212</v>
      </c>
      <c r="D24" s="500"/>
      <c r="E24" s="500"/>
      <c r="F24" s="500"/>
      <c r="G24" s="501"/>
      <c r="H24" s="523" t="s">
        <v>231</v>
      </c>
      <c r="I24" s="495" t="s">
        <v>538</v>
      </c>
      <c r="J24" s="495" t="s">
        <v>544</v>
      </c>
      <c r="K24" s="495" t="s">
        <v>498</v>
      </c>
      <c r="L24" s="495" t="s">
        <v>544</v>
      </c>
      <c r="M24" s="504"/>
      <c r="N24" s="504">
        <v>6</v>
      </c>
      <c r="O24" s="497"/>
      <c r="P24" s="497"/>
      <c r="Q24" s="492"/>
      <c r="S24" s="37"/>
      <c r="T24" s="52"/>
      <c r="V24" s="202"/>
      <c r="W24" s="199"/>
    </row>
    <row r="25" spans="1:23" ht="13.2" customHeight="1">
      <c r="A25" s="509"/>
      <c r="B25" s="514"/>
      <c r="C25" s="405" t="s">
        <v>87</v>
      </c>
      <c r="D25" s="125" t="s">
        <v>196</v>
      </c>
      <c r="E25" s="118" t="s">
        <v>40</v>
      </c>
      <c r="F25" s="125">
        <v>2</v>
      </c>
      <c r="G25" s="352" t="s">
        <v>88</v>
      </c>
      <c r="H25" s="524"/>
      <c r="I25" s="519"/>
      <c r="J25" s="519"/>
      <c r="K25" s="519"/>
      <c r="L25" s="519"/>
      <c r="M25" s="505"/>
      <c r="N25" s="505"/>
      <c r="O25" s="497"/>
      <c r="P25" s="497"/>
      <c r="Q25" s="492"/>
      <c r="S25" s="37"/>
      <c r="T25" s="52"/>
      <c r="V25" s="202"/>
      <c r="W25" s="202"/>
    </row>
    <row r="26" spans="1:23" ht="13.2" customHeight="1">
      <c r="A26" s="508">
        <v>6</v>
      </c>
      <c r="B26" s="513">
        <v>8</v>
      </c>
      <c r="C26" s="499" t="s">
        <v>521</v>
      </c>
      <c r="D26" s="500"/>
      <c r="E26" s="500"/>
      <c r="F26" s="500"/>
      <c r="G26" s="501"/>
      <c r="H26" s="502"/>
      <c r="I26" s="495" t="s">
        <v>539</v>
      </c>
      <c r="J26" s="495" t="s">
        <v>545</v>
      </c>
      <c r="K26" s="495" t="s">
        <v>551</v>
      </c>
      <c r="L26" s="495" t="s">
        <v>545</v>
      </c>
      <c r="M26" s="504"/>
      <c r="N26" s="504">
        <v>5</v>
      </c>
      <c r="O26" s="497"/>
      <c r="P26" s="497"/>
      <c r="Q26" s="492"/>
      <c r="S26" s="37"/>
      <c r="T26" s="199"/>
      <c r="V26" s="202"/>
      <c r="W26" s="203"/>
    </row>
    <row r="27" spans="1:23" ht="13.2" customHeight="1">
      <c r="A27" s="509"/>
      <c r="B27" s="514"/>
      <c r="C27" s="222" t="s">
        <v>51</v>
      </c>
      <c r="D27" s="223" t="s">
        <v>196</v>
      </c>
      <c r="E27" s="182" t="s">
        <v>40</v>
      </c>
      <c r="F27" s="182">
        <v>2</v>
      </c>
      <c r="G27" s="224" t="s">
        <v>52</v>
      </c>
      <c r="H27" s="503"/>
      <c r="I27" s="519"/>
      <c r="J27" s="519"/>
      <c r="K27" s="519"/>
      <c r="L27" s="519"/>
      <c r="M27" s="505"/>
      <c r="N27" s="505"/>
      <c r="O27" s="497"/>
      <c r="P27" s="497"/>
      <c r="Q27" s="492"/>
      <c r="S27" s="37"/>
      <c r="T27" s="199"/>
      <c r="V27" s="202"/>
      <c r="W27" s="202"/>
    </row>
    <row r="28" spans="1:23" ht="13.2" customHeight="1">
      <c r="A28" s="508">
        <v>7</v>
      </c>
      <c r="B28" s="513">
        <v>17</v>
      </c>
      <c r="C28" s="499" t="s">
        <v>222</v>
      </c>
      <c r="D28" s="500"/>
      <c r="E28" s="500"/>
      <c r="F28" s="500"/>
      <c r="G28" s="501"/>
      <c r="H28" s="523" t="s">
        <v>232</v>
      </c>
      <c r="I28" s="495" t="s">
        <v>498</v>
      </c>
      <c r="J28" s="495" t="s">
        <v>546</v>
      </c>
      <c r="K28" s="495" t="s">
        <v>552</v>
      </c>
      <c r="L28" s="495" t="s">
        <v>552</v>
      </c>
      <c r="M28" s="504"/>
      <c r="N28" s="504">
        <v>3</v>
      </c>
      <c r="O28" s="497"/>
      <c r="P28" s="497"/>
      <c r="Q28" s="492"/>
      <c r="S28" s="37"/>
      <c r="T28" s="52"/>
      <c r="V28" s="202"/>
      <c r="W28" s="200"/>
    </row>
    <row r="29" spans="1:23" ht="13.2" customHeight="1">
      <c r="A29" s="509"/>
      <c r="B29" s="514"/>
      <c r="C29" s="248" t="s">
        <v>87</v>
      </c>
      <c r="D29" s="204" t="s">
        <v>196</v>
      </c>
      <c r="E29" s="122" t="s">
        <v>40</v>
      </c>
      <c r="F29" s="204">
        <v>2</v>
      </c>
      <c r="G29" s="249" t="s">
        <v>88</v>
      </c>
      <c r="H29" s="524"/>
      <c r="I29" s="519"/>
      <c r="J29" s="519"/>
      <c r="K29" s="519"/>
      <c r="L29" s="519"/>
      <c r="M29" s="505"/>
      <c r="N29" s="505"/>
      <c r="O29" s="497"/>
      <c r="P29" s="497"/>
      <c r="Q29" s="492"/>
      <c r="S29" s="37"/>
      <c r="T29" s="199"/>
      <c r="V29" s="202"/>
      <c r="W29" s="202"/>
    </row>
    <row r="30" spans="1:23" ht="13.2" customHeight="1">
      <c r="A30" s="508">
        <v>8</v>
      </c>
      <c r="B30" s="523">
        <v>301</v>
      </c>
      <c r="C30" s="470" t="s">
        <v>209</v>
      </c>
      <c r="D30" s="471"/>
      <c r="E30" s="471"/>
      <c r="F30" s="471"/>
      <c r="G30" s="472"/>
      <c r="H30" s="523"/>
      <c r="I30" s="495" t="s">
        <v>540</v>
      </c>
      <c r="J30" s="495" t="s">
        <v>547</v>
      </c>
      <c r="K30" s="495" t="s">
        <v>553</v>
      </c>
      <c r="L30" s="495" t="s">
        <v>556</v>
      </c>
      <c r="M30" s="504"/>
      <c r="N30" s="504">
        <v>2</v>
      </c>
      <c r="O30" s="497"/>
      <c r="P30" s="497"/>
      <c r="Q30" s="492"/>
      <c r="S30" s="37"/>
      <c r="T30" s="52"/>
      <c r="V30" s="202"/>
      <c r="W30" s="200"/>
    </row>
    <row r="31" spans="1:23" ht="13.2" customHeight="1">
      <c r="A31" s="509"/>
      <c r="B31" s="524"/>
      <c r="C31" s="222" t="s">
        <v>89</v>
      </c>
      <c r="D31" s="223" t="s">
        <v>195</v>
      </c>
      <c r="E31" s="182" t="s">
        <v>40</v>
      </c>
      <c r="F31" s="182" t="s">
        <v>208</v>
      </c>
      <c r="G31" s="224" t="s">
        <v>52</v>
      </c>
      <c r="H31" s="524"/>
      <c r="I31" s="519"/>
      <c r="J31" s="519"/>
      <c r="K31" s="519"/>
      <c r="L31" s="519"/>
      <c r="M31" s="505"/>
      <c r="N31" s="505"/>
      <c r="O31" s="497"/>
      <c r="P31" s="497"/>
      <c r="Q31" s="492"/>
      <c r="S31" s="37"/>
      <c r="T31" s="52"/>
      <c r="V31" s="202"/>
      <c r="W31" s="202"/>
    </row>
    <row r="32" spans="1:23" ht="13.2" customHeight="1">
      <c r="A32" s="508">
        <v>9</v>
      </c>
      <c r="B32" s="513">
        <v>302</v>
      </c>
      <c r="C32" s="499" t="s">
        <v>205</v>
      </c>
      <c r="D32" s="500"/>
      <c r="E32" s="500"/>
      <c r="F32" s="500"/>
      <c r="G32" s="501"/>
      <c r="H32" s="523" t="s">
        <v>233</v>
      </c>
      <c r="I32" s="495" t="s">
        <v>541</v>
      </c>
      <c r="J32" s="495" t="s">
        <v>548</v>
      </c>
      <c r="K32" s="495" t="s">
        <v>554</v>
      </c>
      <c r="L32" s="495" t="s">
        <v>557</v>
      </c>
      <c r="M32" s="504"/>
      <c r="N32" s="504">
        <v>1</v>
      </c>
      <c r="O32" s="497"/>
      <c r="P32" s="497"/>
      <c r="Q32" s="492"/>
      <c r="S32" s="37"/>
      <c r="T32" s="197"/>
      <c r="V32" s="202"/>
      <c r="W32" s="52"/>
    </row>
    <row r="33" spans="1:23" ht="13.2" customHeight="1">
      <c r="A33" s="509"/>
      <c r="B33" s="514"/>
      <c r="C33" s="248" t="s">
        <v>87</v>
      </c>
      <c r="D33" s="204" t="s">
        <v>195</v>
      </c>
      <c r="E33" s="122" t="s">
        <v>40</v>
      </c>
      <c r="F33" s="204" t="s">
        <v>206</v>
      </c>
      <c r="G33" s="249" t="s">
        <v>88</v>
      </c>
      <c r="H33" s="524"/>
      <c r="I33" s="519"/>
      <c r="J33" s="519"/>
      <c r="K33" s="519"/>
      <c r="L33" s="519"/>
      <c r="M33" s="505"/>
      <c r="N33" s="505"/>
      <c r="O33" s="497"/>
      <c r="P33" s="497"/>
      <c r="Q33" s="492"/>
      <c r="S33" s="37"/>
      <c r="T33" s="52"/>
      <c r="V33" s="202"/>
      <c r="W33" s="202"/>
    </row>
    <row r="34" spans="1:23" ht="13.2" customHeight="1">
      <c r="A34" s="508">
        <v>10</v>
      </c>
      <c r="B34" s="513">
        <v>307</v>
      </c>
      <c r="C34" s="499" t="s">
        <v>424</v>
      </c>
      <c r="D34" s="500"/>
      <c r="E34" s="500"/>
      <c r="F34" s="500"/>
      <c r="G34" s="501"/>
      <c r="H34" s="529" t="s">
        <v>474</v>
      </c>
      <c r="I34" s="495" t="s">
        <v>542</v>
      </c>
      <c r="J34" s="504" t="s">
        <v>549</v>
      </c>
      <c r="K34" s="504" t="s">
        <v>498</v>
      </c>
      <c r="L34" s="504" t="s">
        <v>558</v>
      </c>
      <c r="M34" s="504"/>
      <c r="N34" s="504">
        <v>7</v>
      </c>
      <c r="O34" s="497"/>
      <c r="P34" s="497"/>
      <c r="Q34" s="57"/>
      <c r="S34" s="37"/>
      <c r="T34" s="198"/>
      <c r="V34" s="202"/>
      <c r="W34" s="198"/>
    </row>
    <row r="35" spans="1:23" ht="13.2" customHeight="1">
      <c r="A35" s="509"/>
      <c r="B35" s="520"/>
      <c r="C35" s="222" t="s">
        <v>51</v>
      </c>
      <c r="D35" s="223" t="s">
        <v>522</v>
      </c>
      <c r="E35" s="182" t="s">
        <v>40</v>
      </c>
      <c r="F35" s="182" t="s">
        <v>208</v>
      </c>
      <c r="G35" s="224" t="s">
        <v>52</v>
      </c>
      <c r="H35" s="530"/>
      <c r="I35" s="519"/>
      <c r="J35" s="505"/>
      <c r="K35" s="505"/>
      <c r="L35" s="505"/>
      <c r="M35" s="505"/>
      <c r="N35" s="505"/>
      <c r="O35" s="497"/>
      <c r="P35" s="497"/>
      <c r="Q35" s="57"/>
      <c r="S35" s="37"/>
      <c r="T35" s="52"/>
      <c r="V35" s="202"/>
      <c r="W35" s="202"/>
    </row>
    <row r="36" spans="1:23" ht="13.2" customHeight="1">
      <c r="A36" s="508">
        <v>11</v>
      </c>
      <c r="B36" s="521">
        <v>47</v>
      </c>
      <c r="C36" s="499" t="s">
        <v>523</v>
      </c>
      <c r="D36" s="500"/>
      <c r="E36" s="500"/>
      <c r="F36" s="500"/>
      <c r="G36" s="501"/>
      <c r="H36" s="529" t="s">
        <v>474</v>
      </c>
      <c r="I36" s="495" t="s">
        <v>543</v>
      </c>
      <c r="J36" s="504" t="s">
        <v>550</v>
      </c>
      <c r="K36" s="504" t="s">
        <v>555</v>
      </c>
      <c r="L36" s="504" t="s">
        <v>559</v>
      </c>
      <c r="M36" s="504"/>
      <c r="N36" s="504">
        <v>4</v>
      </c>
      <c r="O36" s="497"/>
      <c r="P36" s="497"/>
      <c r="Q36" s="57"/>
      <c r="S36" s="37"/>
      <c r="T36" s="52"/>
      <c r="V36" s="202"/>
      <c r="W36" s="52"/>
    </row>
    <row r="37" spans="1:23" ht="13.2" customHeight="1">
      <c r="A37" s="509"/>
      <c r="B37" s="522"/>
      <c r="C37" s="222" t="s">
        <v>51</v>
      </c>
      <c r="D37" s="223" t="s">
        <v>524</v>
      </c>
      <c r="E37" s="182" t="s">
        <v>40</v>
      </c>
      <c r="F37" s="182">
        <v>1</v>
      </c>
      <c r="G37" s="224" t="s">
        <v>52</v>
      </c>
      <c r="H37" s="530"/>
      <c r="I37" s="519"/>
      <c r="J37" s="505"/>
      <c r="K37" s="505"/>
      <c r="L37" s="505"/>
      <c r="M37" s="505"/>
      <c r="N37" s="505"/>
      <c r="O37" s="497"/>
      <c r="P37" s="497"/>
      <c r="Q37" s="57"/>
      <c r="S37" s="37"/>
      <c r="T37" s="199"/>
      <c r="V37" s="202"/>
      <c r="W37" s="202"/>
    </row>
    <row r="38" spans="1:23" ht="13.2" customHeight="1">
      <c r="A38" s="517"/>
      <c r="B38" s="515"/>
      <c r="C38" s="515"/>
      <c r="D38" s="515"/>
      <c r="E38" s="515"/>
      <c r="F38" s="515"/>
      <c r="G38" s="515"/>
      <c r="H38" s="527"/>
      <c r="I38" s="525"/>
      <c r="J38" s="525"/>
      <c r="K38" s="525"/>
      <c r="L38" s="525"/>
      <c r="M38" s="525"/>
      <c r="N38" s="525"/>
      <c r="O38" s="526"/>
      <c r="P38" s="526"/>
      <c r="Q38" s="278"/>
      <c r="V38" s="202"/>
      <c r="W38" s="52"/>
    </row>
    <row r="39" spans="1:23" ht="13.2" customHeight="1">
      <c r="A39" s="518"/>
      <c r="B39" s="516"/>
      <c r="C39" s="276"/>
      <c r="D39" s="277"/>
      <c r="E39" s="173"/>
      <c r="F39" s="277"/>
      <c r="G39" s="173"/>
      <c r="H39" s="528"/>
      <c r="I39" s="526"/>
      <c r="J39" s="526"/>
      <c r="K39" s="526"/>
      <c r="L39" s="526"/>
      <c r="M39" s="526"/>
      <c r="N39" s="526"/>
      <c r="O39" s="526"/>
      <c r="P39" s="526"/>
      <c r="Q39" s="278"/>
      <c r="V39" s="202"/>
      <c r="W39" s="202"/>
    </row>
    <row r="40" spans="1:23" ht="13.2" customHeight="1">
      <c r="A40" s="374"/>
      <c r="B40" s="373"/>
      <c r="C40" s="276"/>
      <c r="D40" s="277"/>
      <c r="E40" s="173"/>
      <c r="F40" s="277"/>
      <c r="G40" s="276"/>
      <c r="H40" s="372"/>
      <c r="I40" s="371"/>
      <c r="J40" s="371"/>
      <c r="K40" s="371"/>
      <c r="L40" s="371"/>
      <c r="M40" s="371"/>
      <c r="N40" s="371"/>
      <c r="O40" s="371"/>
      <c r="P40" s="371"/>
      <c r="Q40" s="279"/>
      <c r="U40" s="202"/>
      <c r="V40" s="202"/>
      <c r="W40" s="202"/>
    </row>
    <row r="41" spans="1:23">
      <c r="B41" s="202"/>
      <c r="C41" s="202"/>
      <c r="D41" s="202"/>
      <c r="E41" s="202"/>
      <c r="F41" s="202"/>
      <c r="G41" s="202"/>
    </row>
  </sheetData>
  <mergeCells count="172">
    <mergeCell ref="P38:P39"/>
    <mergeCell ref="P26:P27"/>
    <mergeCell ref="P28:P29"/>
    <mergeCell ref="P30:P31"/>
    <mergeCell ref="P32:P33"/>
    <mergeCell ref="A18:Q23"/>
    <mergeCell ref="O38:O39"/>
    <mergeCell ref="P34:P35"/>
    <mergeCell ref="P36:P37"/>
    <mergeCell ref="N38:N39"/>
    <mergeCell ref="O26:O27"/>
    <mergeCell ref="O28:O29"/>
    <mergeCell ref="O30:O31"/>
    <mergeCell ref="O32:O33"/>
    <mergeCell ref="O34:O35"/>
    <mergeCell ref="O36:O37"/>
    <mergeCell ref="N24:N25"/>
    <mergeCell ref="O8:O9"/>
    <mergeCell ref="O10:O11"/>
    <mergeCell ref="O12:O13"/>
    <mergeCell ref="O14:O15"/>
    <mergeCell ref="O16:O17"/>
    <mergeCell ref="O24:O25"/>
    <mergeCell ref="P12:P13"/>
    <mergeCell ref="P14:P15"/>
    <mergeCell ref="P16:P17"/>
    <mergeCell ref="P24:P25"/>
    <mergeCell ref="N32:N33"/>
    <mergeCell ref="N34:N35"/>
    <mergeCell ref="N36:N37"/>
    <mergeCell ref="M8:M9"/>
    <mergeCell ref="M10:M11"/>
    <mergeCell ref="M12:M13"/>
    <mergeCell ref="M14:M15"/>
    <mergeCell ref="M16:M17"/>
    <mergeCell ref="M24:M25"/>
    <mergeCell ref="M26:M27"/>
    <mergeCell ref="M28:M29"/>
    <mergeCell ref="M30:M31"/>
    <mergeCell ref="M32:M33"/>
    <mergeCell ref="M34:M35"/>
    <mergeCell ref="M36:M37"/>
    <mergeCell ref="N26:N27"/>
    <mergeCell ref="N28:N29"/>
    <mergeCell ref="N30:N31"/>
    <mergeCell ref="N12:N13"/>
    <mergeCell ref="N14:N15"/>
    <mergeCell ref="N16:N17"/>
    <mergeCell ref="M38:M39"/>
    <mergeCell ref="L38:L39"/>
    <mergeCell ref="L36:L37"/>
    <mergeCell ref="L12:L13"/>
    <mergeCell ref="L14:L15"/>
    <mergeCell ref="L16:L17"/>
    <mergeCell ref="L24:L25"/>
    <mergeCell ref="L26:L27"/>
    <mergeCell ref="L28:L29"/>
    <mergeCell ref="L30:L31"/>
    <mergeCell ref="L32:L33"/>
    <mergeCell ref="L34:L35"/>
    <mergeCell ref="K38:K39"/>
    <mergeCell ref="K8:K9"/>
    <mergeCell ref="K10:K11"/>
    <mergeCell ref="K12:K13"/>
    <mergeCell ref="K14:K15"/>
    <mergeCell ref="K16:K17"/>
    <mergeCell ref="K24:K25"/>
    <mergeCell ref="K26:K27"/>
    <mergeCell ref="K28:K29"/>
    <mergeCell ref="K30:K31"/>
    <mergeCell ref="K32:K33"/>
    <mergeCell ref="K34:K35"/>
    <mergeCell ref="K36:K37"/>
    <mergeCell ref="J38:J39"/>
    <mergeCell ref="J12:J13"/>
    <mergeCell ref="J14:J15"/>
    <mergeCell ref="J16:J17"/>
    <mergeCell ref="J24:J25"/>
    <mergeCell ref="J26:J27"/>
    <mergeCell ref="J28:J29"/>
    <mergeCell ref="J30:J31"/>
    <mergeCell ref="J32:J33"/>
    <mergeCell ref="J34:J35"/>
    <mergeCell ref="J36:J37"/>
    <mergeCell ref="I38:I39"/>
    <mergeCell ref="H38:H39"/>
    <mergeCell ref="H12:H13"/>
    <mergeCell ref="H14:H15"/>
    <mergeCell ref="H16:H17"/>
    <mergeCell ref="H24:H25"/>
    <mergeCell ref="H26:H27"/>
    <mergeCell ref="H28:H29"/>
    <mergeCell ref="H30:H31"/>
    <mergeCell ref="H32:H33"/>
    <mergeCell ref="H34:H35"/>
    <mergeCell ref="H36:H37"/>
    <mergeCell ref="I32:I33"/>
    <mergeCell ref="I34:I35"/>
    <mergeCell ref="I36:I37"/>
    <mergeCell ref="I12:I13"/>
    <mergeCell ref="I14:I15"/>
    <mergeCell ref="I16:I17"/>
    <mergeCell ref="I24:I25"/>
    <mergeCell ref="I26:I27"/>
    <mergeCell ref="I28:I29"/>
    <mergeCell ref="I30:I31"/>
    <mergeCell ref="B34:B35"/>
    <mergeCell ref="B36:B37"/>
    <mergeCell ref="B30:B31"/>
    <mergeCell ref="B38:B39"/>
    <mergeCell ref="A38:A39"/>
    <mergeCell ref="A36:A37"/>
    <mergeCell ref="A12:A13"/>
    <mergeCell ref="A14:A15"/>
    <mergeCell ref="A16:A17"/>
    <mergeCell ref="A24:A25"/>
    <mergeCell ref="A26:A27"/>
    <mergeCell ref="A28:A29"/>
    <mergeCell ref="A30:A31"/>
    <mergeCell ref="A32:A33"/>
    <mergeCell ref="A34:A35"/>
    <mergeCell ref="B12:B13"/>
    <mergeCell ref="B14:B15"/>
    <mergeCell ref="B16:B17"/>
    <mergeCell ref="B24:B25"/>
    <mergeCell ref="B26:B27"/>
    <mergeCell ref="B28:B29"/>
    <mergeCell ref="B32:B33"/>
    <mergeCell ref="C38:G38"/>
    <mergeCell ref="C12:G12"/>
    <mergeCell ref="C14:G14"/>
    <mergeCell ref="C16:G16"/>
    <mergeCell ref="C24:G24"/>
    <mergeCell ref="C26:G26"/>
    <mergeCell ref="C28:G28"/>
    <mergeCell ref="C32:G32"/>
    <mergeCell ref="C34:G34"/>
    <mergeCell ref="C36:G36"/>
    <mergeCell ref="C30:G30"/>
    <mergeCell ref="H4:I4"/>
    <mergeCell ref="I3:J3"/>
    <mergeCell ref="A7:Q7"/>
    <mergeCell ref="C8:G8"/>
    <mergeCell ref="C9:G9"/>
    <mergeCell ref="C10:G10"/>
    <mergeCell ref="H10:H11"/>
    <mergeCell ref="J8:J9"/>
    <mergeCell ref="J10:J11"/>
    <mergeCell ref="L10:L11"/>
    <mergeCell ref="A8:A9"/>
    <mergeCell ref="A10:A11"/>
    <mergeCell ref="P8:P9"/>
    <mergeCell ref="P10:P11"/>
    <mergeCell ref="A6:Q6"/>
    <mergeCell ref="Q8:Q9"/>
    <mergeCell ref="A1:G5"/>
    <mergeCell ref="H5:I5"/>
    <mergeCell ref="B8:B9"/>
    <mergeCell ref="B10:B11"/>
    <mergeCell ref="I8:I9"/>
    <mergeCell ref="I10:I11"/>
    <mergeCell ref="N8:N9"/>
    <mergeCell ref="N10:N11"/>
    <mergeCell ref="Q28:Q29"/>
    <mergeCell ref="Q30:Q31"/>
    <mergeCell ref="Q32:Q33"/>
    <mergeCell ref="Q10:Q11"/>
    <mergeCell ref="Q12:Q13"/>
    <mergeCell ref="Q14:Q15"/>
    <mergeCell ref="Q16:Q17"/>
    <mergeCell ref="Q24:Q25"/>
    <mergeCell ref="Q26:Q27"/>
  </mergeCells>
  <phoneticPr fontId="33"/>
  <dataValidations count="1">
    <dataValidation imeMode="hiragana" allowBlank="1" showInputMessage="1" showErrorMessage="1" sqref="C38 C34 C12 C24 C32 C36 C14 C10 C28 S10:S37 C26 C16 C30"/>
  </dataValidations>
  <pageMargins left="0.59027777777777779" right="0.59027777777777779" top="0.59027777777777779" bottom="0.59027777777777779" header="0.31458333333333333" footer="0.31458333333333333"/>
  <pageSetup paperSize="9" firstPageNumber="4294963191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60"/>
  <sheetViews>
    <sheetView topLeftCell="C37" workbookViewId="0">
      <selection activeCell="D14" sqref="D14"/>
    </sheetView>
  </sheetViews>
  <sheetFormatPr defaultColWidth="13" defaultRowHeight="13.2"/>
  <cols>
    <col min="1" max="1" width="7.109375" style="4" customWidth="1"/>
    <col min="2" max="2" width="3.33203125" style="54" customWidth="1"/>
    <col min="3" max="3" width="6" style="55" customWidth="1"/>
    <col min="4" max="4" width="12.88671875" style="56" customWidth="1"/>
    <col min="5" max="5" width="1.109375" style="54" customWidth="1"/>
    <col min="6" max="6" width="7.6640625" style="4" customWidth="1"/>
    <col min="7" max="7" width="1.21875" style="4" customWidth="1"/>
    <col min="8" max="8" width="5" style="55" customWidth="1"/>
    <col min="9" max="9" width="1.109375" style="54" customWidth="1"/>
    <col min="10" max="10" width="3.88671875" style="2" customWidth="1"/>
    <col min="11" max="11" width="1.109375" style="2" customWidth="1"/>
    <col min="12" max="12" width="5" style="2" customWidth="1"/>
    <col min="13" max="13" width="9.44140625" style="4" customWidth="1"/>
    <col min="14" max="14" width="1.109375" style="87" customWidth="1"/>
    <col min="15" max="15" width="4.44140625" style="4" customWidth="1"/>
    <col min="16" max="16" width="1.109375" style="4" customWidth="1"/>
    <col min="17" max="17" width="4.88671875" style="4" customWidth="1"/>
    <col min="18" max="18" width="1.109375" style="4" customWidth="1"/>
    <col min="19" max="19" width="4.88671875" style="4" customWidth="1"/>
    <col min="20" max="20" width="13" style="4" bestFit="1" customWidth="1"/>
    <col min="21" max="21" width="12.88671875" style="4" customWidth="1"/>
    <col min="22" max="22" width="13" style="4" bestFit="1"/>
    <col min="23" max="16384" width="13" style="4"/>
  </cols>
  <sheetData>
    <row r="1" spans="1:19">
      <c r="B1" s="420" t="s">
        <v>18</v>
      </c>
      <c r="C1" s="421"/>
      <c r="D1" s="421"/>
      <c r="E1" s="421"/>
      <c r="F1" s="1"/>
      <c r="G1" s="1"/>
      <c r="H1" s="2"/>
      <c r="I1" s="3"/>
      <c r="M1" s="1"/>
      <c r="N1" s="53"/>
      <c r="O1" s="1"/>
      <c r="P1" s="1"/>
      <c r="Q1" s="1"/>
      <c r="R1" s="1"/>
      <c r="S1" s="1"/>
    </row>
    <row r="2" spans="1:19">
      <c r="B2" s="421"/>
      <c r="C2" s="421"/>
      <c r="D2" s="421"/>
      <c r="E2" s="421"/>
      <c r="F2" s="1"/>
      <c r="G2" s="1"/>
      <c r="H2" s="2"/>
      <c r="I2" s="3"/>
      <c r="M2" s="1"/>
      <c r="N2" s="53"/>
      <c r="O2" s="1"/>
      <c r="P2" s="1"/>
      <c r="Q2" s="1"/>
      <c r="R2" s="1"/>
      <c r="S2" s="1"/>
    </row>
    <row r="3" spans="1:19">
      <c r="B3" s="421"/>
      <c r="C3" s="421"/>
      <c r="D3" s="421"/>
      <c r="E3" s="421"/>
      <c r="F3" s="1"/>
      <c r="G3" s="1"/>
      <c r="H3" s="2"/>
      <c r="I3" s="3"/>
      <c r="M3" s="1"/>
      <c r="N3" s="53"/>
      <c r="O3" s="1"/>
      <c r="P3" s="1"/>
      <c r="Q3" s="1"/>
      <c r="R3" s="1"/>
      <c r="S3" s="1"/>
    </row>
    <row r="4" spans="1:19">
      <c r="B4" s="421"/>
      <c r="C4" s="421"/>
      <c r="D4" s="421"/>
      <c r="E4" s="421"/>
      <c r="F4" s="1" t="s">
        <v>0</v>
      </c>
      <c r="G4" s="1"/>
      <c r="H4" s="2"/>
      <c r="I4" s="3"/>
      <c r="J4" s="422" t="s">
        <v>55</v>
      </c>
      <c r="K4" s="431"/>
      <c r="L4" s="431"/>
      <c r="M4" s="1" t="s">
        <v>56</v>
      </c>
      <c r="N4" s="53"/>
      <c r="O4" s="5"/>
      <c r="P4" s="1"/>
      <c r="Q4" s="1"/>
      <c r="R4" s="1"/>
      <c r="S4" s="1"/>
    </row>
    <row r="5" spans="1:19">
      <c r="B5" s="421"/>
      <c r="C5" s="421"/>
      <c r="D5" s="421"/>
      <c r="E5" s="421"/>
      <c r="F5" s="422" t="s">
        <v>70</v>
      </c>
      <c r="G5" s="422"/>
      <c r="H5" s="422"/>
      <c r="I5" s="3"/>
      <c r="J5" s="422" t="s">
        <v>484</v>
      </c>
      <c r="K5" s="431"/>
      <c r="L5" s="431"/>
      <c r="M5" s="1" t="s">
        <v>486</v>
      </c>
      <c r="N5" s="53"/>
      <c r="O5" s="1"/>
      <c r="P5" s="1"/>
      <c r="Q5" s="1"/>
      <c r="R5" s="1"/>
      <c r="S5" s="1"/>
    </row>
    <row r="6" spans="1:19">
      <c r="B6" s="6"/>
      <c r="C6" s="7"/>
      <c r="D6" s="7"/>
      <c r="E6" s="6"/>
      <c r="F6" s="7"/>
      <c r="G6" s="57"/>
      <c r="H6" s="8"/>
      <c r="I6" s="6"/>
      <c r="J6" s="9"/>
      <c r="K6" s="58"/>
      <c r="L6" s="58"/>
      <c r="M6" s="1"/>
      <c r="N6" s="17"/>
      <c r="O6" s="17"/>
      <c r="P6" s="5"/>
      <c r="Q6" s="5"/>
      <c r="R6" s="5"/>
      <c r="S6" s="5"/>
    </row>
    <row r="7" spans="1:19" ht="19.2">
      <c r="B7" s="423"/>
      <c r="C7" s="424"/>
      <c r="D7" s="424"/>
      <c r="E7" s="59"/>
      <c r="F7" s="10"/>
      <c r="G7" s="10"/>
      <c r="H7" s="60"/>
      <c r="I7" s="59"/>
      <c r="J7" s="60"/>
      <c r="K7" s="60"/>
      <c r="L7" s="60"/>
      <c r="M7" s="10"/>
      <c r="N7" s="10"/>
      <c r="O7" s="10"/>
      <c r="P7" s="10"/>
      <c r="Q7" s="61"/>
      <c r="R7" s="61"/>
      <c r="S7" s="61"/>
    </row>
    <row r="8" spans="1:19">
      <c r="B8" s="6"/>
      <c r="C8" s="43"/>
      <c r="D8" s="43"/>
      <c r="E8" s="6"/>
      <c r="F8" s="43"/>
      <c r="G8" s="57"/>
      <c r="H8" s="44"/>
      <c r="I8" s="6"/>
      <c r="J8" s="62"/>
      <c r="K8" s="58"/>
      <c r="L8" s="58"/>
      <c r="M8" s="5"/>
      <c r="N8" s="17"/>
      <c r="O8" s="5"/>
      <c r="P8" s="5"/>
      <c r="Q8" s="5"/>
      <c r="R8" s="5"/>
      <c r="S8" s="5"/>
    </row>
    <row r="9" spans="1:19" ht="19.2">
      <c r="B9" s="256" t="s">
        <v>311</v>
      </c>
      <c r="C9" s="250"/>
      <c r="D9" s="250"/>
      <c r="E9" s="6"/>
      <c r="F9" s="17"/>
      <c r="G9" s="17"/>
      <c r="H9" s="18"/>
      <c r="I9" s="6"/>
      <c r="J9" s="18"/>
      <c r="K9" s="18"/>
      <c r="L9" s="18"/>
      <c r="M9" s="17"/>
      <c r="N9" s="17"/>
      <c r="O9" s="17"/>
      <c r="P9" s="17"/>
      <c r="Q9" s="1"/>
      <c r="R9" s="1"/>
      <c r="S9" s="1"/>
    </row>
    <row r="10" spans="1:19">
      <c r="B10" s="30" t="s">
        <v>1</v>
      </c>
      <c r="C10" s="31" t="s">
        <v>2</v>
      </c>
      <c r="D10" s="23" t="s">
        <v>3</v>
      </c>
      <c r="E10" s="23"/>
      <c r="F10" s="23" t="s">
        <v>4</v>
      </c>
      <c r="G10" s="22"/>
      <c r="H10" s="38" t="s">
        <v>60</v>
      </c>
      <c r="I10" s="39"/>
      <c r="J10" s="417" t="s">
        <v>100</v>
      </c>
      <c r="K10" s="417"/>
      <c r="L10" s="417"/>
      <c r="M10" s="1"/>
      <c r="N10" s="63"/>
      <c r="O10" s="22" t="s">
        <v>5</v>
      </c>
      <c r="P10" s="22"/>
      <c r="Q10" s="417" t="s">
        <v>6</v>
      </c>
      <c r="R10" s="417"/>
      <c r="S10" s="417"/>
    </row>
    <row r="11" spans="1:19">
      <c r="A11" s="14"/>
      <c r="B11" s="64" t="s">
        <v>7</v>
      </c>
      <c r="C11" s="95"/>
      <c r="D11" s="65"/>
      <c r="E11" s="25"/>
      <c r="F11" s="26"/>
      <c r="G11" s="66"/>
      <c r="H11" s="67"/>
      <c r="I11" s="25"/>
      <c r="J11" s="414"/>
      <c r="K11" s="414"/>
      <c r="L11" s="414"/>
      <c r="M11" s="5"/>
      <c r="N11" s="23" t="s">
        <v>8</v>
      </c>
      <c r="O11" s="23"/>
      <c r="P11" s="23" t="s">
        <v>9</v>
      </c>
      <c r="Q11" s="23"/>
      <c r="R11" s="23" t="s">
        <v>10</v>
      </c>
      <c r="S11" s="23"/>
    </row>
    <row r="12" spans="1:19">
      <c r="A12" s="14"/>
      <c r="B12" s="64" t="s">
        <v>11</v>
      </c>
      <c r="C12" s="95"/>
      <c r="D12" s="320"/>
      <c r="E12" s="25"/>
      <c r="F12" s="26"/>
      <c r="G12" s="66"/>
      <c r="H12" s="67"/>
      <c r="I12" s="25"/>
      <c r="J12" s="414"/>
      <c r="K12" s="414"/>
      <c r="L12" s="414"/>
      <c r="M12" s="5"/>
      <c r="N12" s="11" t="s">
        <v>8</v>
      </c>
      <c r="O12" s="11"/>
      <c r="P12" s="11" t="s">
        <v>9</v>
      </c>
      <c r="Q12" s="11"/>
      <c r="R12" s="11" t="s">
        <v>10</v>
      </c>
      <c r="S12" s="11"/>
    </row>
    <row r="13" spans="1:19">
      <c r="A13" s="14"/>
      <c r="B13" s="64" t="s">
        <v>12</v>
      </c>
      <c r="C13" s="319">
        <v>107</v>
      </c>
      <c r="D13" s="316" t="s">
        <v>561</v>
      </c>
      <c r="E13" s="261" t="s">
        <v>51</v>
      </c>
      <c r="F13" s="125" t="s">
        <v>238</v>
      </c>
      <c r="G13" s="261" t="s">
        <v>47</v>
      </c>
      <c r="H13" s="26">
        <v>3</v>
      </c>
      <c r="I13" s="262" t="s">
        <v>52</v>
      </c>
      <c r="J13" s="414">
        <v>23</v>
      </c>
      <c r="K13" s="414"/>
      <c r="L13" s="414"/>
      <c r="M13" s="5"/>
      <c r="N13" s="11" t="s">
        <v>8</v>
      </c>
      <c r="O13" s="11" t="s">
        <v>266</v>
      </c>
      <c r="P13" s="11" t="s">
        <v>9</v>
      </c>
      <c r="Q13" s="11" t="s">
        <v>305</v>
      </c>
      <c r="R13" s="11" t="s">
        <v>10</v>
      </c>
      <c r="S13" s="11" t="s">
        <v>309</v>
      </c>
    </row>
    <row r="14" spans="1:19">
      <c r="A14" s="252"/>
      <c r="B14" s="64" t="s">
        <v>13</v>
      </c>
      <c r="C14" s="95">
        <v>3</v>
      </c>
      <c r="D14" s="76" t="s">
        <v>224</v>
      </c>
      <c r="E14" s="261" t="s">
        <v>51</v>
      </c>
      <c r="F14" s="125" t="s">
        <v>236</v>
      </c>
      <c r="G14" s="261" t="s">
        <v>47</v>
      </c>
      <c r="H14" s="26">
        <v>2</v>
      </c>
      <c r="I14" s="262" t="s">
        <v>52</v>
      </c>
      <c r="J14" s="415">
        <v>22.86</v>
      </c>
      <c r="K14" s="415"/>
      <c r="L14" s="415"/>
      <c r="M14" s="5"/>
      <c r="N14" s="11" t="s">
        <v>8</v>
      </c>
      <c r="O14" s="11" t="s">
        <v>267</v>
      </c>
      <c r="P14" s="11" t="s">
        <v>9</v>
      </c>
      <c r="Q14" s="11" t="s">
        <v>306</v>
      </c>
      <c r="R14" s="11" t="s">
        <v>10</v>
      </c>
      <c r="S14" s="11" t="s">
        <v>295</v>
      </c>
    </row>
    <row r="15" spans="1:19">
      <c r="A15" s="14"/>
      <c r="B15" s="64" t="s">
        <v>14</v>
      </c>
      <c r="C15" s="319">
        <v>18</v>
      </c>
      <c r="D15" s="316" t="s">
        <v>485</v>
      </c>
      <c r="E15" s="261" t="s">
        <v>51</v>
      </c>
      <c r="F15" s="125" t="s">
        <v>236</v>
      </c>
      <c r="G15" s="261" t="s">
        <v>47</v>
      </c>
      <c r="H15" s="26">
        <v>2</v>
      </c>
      <c r="I15" s="262" t="s">
        <v>52</v>
      </c>
      <c r="J15" s="430">
        <v>23</v>
      </c>
      <c r="K15" s="430"/>
      <c r="L15" s="430"/>
      <c r="M15" s="5"/>
      <c r="N15" s="11" t="s">
        <v>8</v>
      </c>
      <c r="O15" s="11" t="s">
        <v>268</v>
      </c>
      <c r="P15" s="11" t="s">
        <v>9</v>
      </c>
      <c r="Q15" s="11" t="s">
        <v>307</v>
      </c>
      <c r="R15" s="11" t="s">
        <v>10</v>
      </c>
      <c r="S15" s="11" t="s">
        <v>310</v>
      </c>
    </row>
    <row r="16" spans="1:19">
      <c r="A16" s="252"/>
      <c r="B16" s="64" t="s">
        <v>15</v>
      </c>
      <c r="C16" s="254">
        <v>119</v>
      </c>
      <c r="D16" s="321" t="s">
        <v>249</v>
      </c>
      <c r="E16" s="261" t="s">
        <v>51</v>
      </c>
      <c r="F16" s="125" t="s">
        <v>250</v>
      </c>
      <c r="G16" s="261" t="s">
        <v>47</v>
      </c>
      <c r="H16" s="26">
        <v>1</v>
      </c>
      <c r="I16" s="262" t="s">
        <v>52</v>
      </c>
      <c r="J16" s="418"/>
      <c r="K16" s="418"/>
      <c r="L16" s="418"/>
      <c r="M16" s="5"/>
      <c r="N16" s="11" t="s">
        <v>8</v>
      </c>
      <c r="O16" s="11" t="s">
        <v>269</v>
      </c>
      <c r="P16" s="11" t="s">
        <v>9</v>
      </c>
      <c r="Q16" s="11" t="s">
        <v>308</v>
      </c>
      <c r="R16" s="11" t="s">
        <v>10</v>
      </c>
      <c r="S16" s="11" t="s">
        <v>266</v>
      </c>
    </row>
    <row r="17" spans="1:22">
      <c r="A17" s="14"/>
      <c r="B17" s="64" t="s">
        <v>16</v>
      </c>
      <c r="C17" s="95"/>
      <c r="D17" s="65"/>
      <c r="E17" s="25"/>
      <c r="F17" s="26"/>
      <c r="G17" s="66"/>
      <c r="H17" s="67"/>
      <c r="I17" s="25"/>
      <c r="J17" s="414"/>
      <c r="K17" s="414"/>
      <c r="L17" s="414"/>
      <c r="M17" s="5"/>
      <c r="N17" s="11" t="s">
        <v>8</v>
      </c>
      <c r="O17" s="11"/>
      <c r="P17" s="11" t="s">
        <v>9</v>
      </c>
      <c r="Q17" s="11"/>
      <c r="R17" s="11" t="s">
        <v>10</v>
      </c>
      <c r="S17" s="11"/>
    </row>
    <row r="18" spans="1:22">
      <c r="A18" s="14"/>
      <c r="B18" s="3"/>
      <c r="C18" s="2"/>
      <c r="D18" s="29"/>
      <c r="E18" s="3"/>
      <c r="F18" s="3"/>
      <c r="G18" s="1"/>
      <c r="H18" s="2"/>
      <c r="I18" s="3"/>
      <c r="J18" s="3"/>
      <c r="K18" s="3"/>
      <c r="L18" s="3"/>
      <c r="M18" s="5"/>
      <c r="N18" s="3"/>
      <c r="O18" s="3"/>
      <c r="P18" s="3"/>
      <c r="Q18" s="3"/>
      <c r="R18" s="3"/>
      <c r="S18" s="3"/>
    </row>
    <row r="19" spans="1:22" ht="19.2">
      <c r="A19" s="14"/>
      <c r="B19" s="256" t="s">
        <v>322</v>
      </c>
      <c r="C19" s="256"/>
      <c r="D19" s="256"/>
      <c r="E19" s="256"/>
      <c r="F19" s="256"/>
      <c r="G19" s="256"/>
      <c r="H19" s="256"/>
      <c r="I19" s="6"/>
      <c r="J19" s="6"/>
      <c r="K19" s="6"/>
      <c r="L19" s="6"/>
      <c r="M19" s="17"/>
      <c r="N19" s="6"/>
      <c r="O19" s="6"/>
      <c r="P19" s="6"/>
      <c r="Q19" s="3"/>
      <c r="R19" s="3"/>
      <c r="S19" s="3"/>
    </row>
    <row r="20" spans="1:22">
      <c r="A20" s="14"/>
      <c r="B20" s="30" t="s">
        <v>1</v>
      </c>
      <c r="C20" s="31" t="s">
        <v>2</v>
      </c>
      <c r="D20" s="23" t="s">
        <v>3</v>
      </c>
      <c r="E20" s="23"/>
      <c r="F20" s="23" t="s">
        <v>4</v>
      </c>
      <c r="G20" s="22"/>
      <c r="H20" s="38" t="s">
        <v>60</v>
      </c>
      <c r="I20" s="39"/>
      <c r="J20" s="417" t="s">
        <v>100</v>
      </c>
      <c r="K20" s="417"/>
      <c r="L20" s="417"/>
      <c r="M20" s="1"/>
      <c r="N20" s="23"/>
      <c r="O20" s="23" t="s">
        <v>5</v>
      </c>
      <c r="P20" s="23"/>
      <c r="Q20" s="417" t="s">
        <v>6</v>
      </c>
      <c r="R20" s="417"/>
      <c r="S20" s="417"/>
      <c r="U20" s="207"/>
      <c r="V20" s="207"/>
    </row>
    <row r="21" spans="1:22">
      <c r="A21" s="14"/>
      <c r="B21" s="69" t="s">
        <v>7</v>
      </c>
      <c r="C21" s="255"/>
      <c r="D21" s="323"/>
      <c r="E21" s="28"/>
      <c r="F21" s="28"/>
      <c r="G21" s="66"/>
      <c r="H21" s="259"/>
      <c r="I21" s="71"/>
      <c r="J21" s="419"/>
      <c r="K21" s="419"/>
      <c r="L21" s="419"/>
      <c r="M21" s="1"/>
      <c r="N21" s="23"/>
      <c r="O21" s="23"/>
      <c r="P21" s="23"/>
      <c r="Q21" s="23"/>
      <c r="R21" s="23"/>
      <c r="S21" s="23"/>
      <c r="U21" s="207"/>
      <c r="V21" s="207"/>
    </row>
    <row r="22" spans="1:22">
      <c r="A22" s="252"/>
      <c r="B22" s="64" t="s">
        <v>11</v>
      </c>
      <c r="C22" s="95">
        <v>307</v>
      </c>
      <c r="D22" s="324" t="s">
        <v>282</v>
      </c>
      <c r="E22" s="261" t="s">
        <v>51</v>
      </c>
      <c r="F22" s="116" t="s">
        <v>312</v>
      </c>
      <c r="G22" s="261" t="s">
        <v>47</v>
      </c>
      <c r="H22" s="26" t="s">
        <v>313</v>
      </c>
      <c r="I22" s="262" t="s">
        <v>52</v>
      </c>
      <c r="J22" s="429" t="s">
        <v>317</v>
      </c>
      <c r="K22" s="429"/>
      <c r="L22" s="429"/>
      <c r="M22" s="6"/>
      <c r="N22" s="11" t="s">
        <v>8</v>
      </c>
      <c r="O22" s="11" t="s">
        <v>266</v>
      </c>
      <c r="P22" s="11" t="s">
        <v>9</v>
      </c>
      <c r="Q22" s="11" t="s">
        <v>305</v>
      </c>
      <c r="R22" s="11" t="s">
        <v>10</v>
      </c>
      <c r="S22" s="11" t="s">
        <v>321</v>
      </c>
      <c r="U22" s="207"/>
      <c r="V22" s="207"/>
    </row>
    <row r="23" spans="1:22">
      <c r="A23" s="252"/>
      <c r="B23" s="64" t="s">
        <v>12</v>
      </c>
      <c r="C23" s="95">
        <v>30</v>
      </c>
      <c r="D23" s="328" t="s">
        <v>316</v>
      </c>
      <c r="E23" s="261" t="s">
        <v>51</v>
      </c>
      <c r="F23" s="116" t="s">
        <v>296</v>
      </c>
      <c r="G23" s="261" t="s">
        <v>47</v>
      </c>
      <c r="H23" s="26">
        <v>3</v>
      </c>
      <c r="I23" s="262" t="s">
        <v>52</v>
      </c>
      <c r="J23" s="415" t="s">
        <v>317</v>
      </c>
      <c r="K23" s="415"/>
      <c r="L23" s="415"/>
      <c r="M23" s="5"/>
      <c r="N23" s="11" t="s">
        <v>8</v>
      </c>
      <c r="O23" s="11" t="s">
        <v>268</v>
      </c>
      <c r="P23" s="11" t="s">
        <v>9</v>
      </c>
      <c r="Q23" s="11" t="s">
        <v>318</v>
      </c>
      <c r="R23" s="11" t="s">
        <v>10</v>
      </c>
      <c r="S23" s="11" t="s">
        <v>269</v>
      </c>
      <c r="V23" s="207"/>
    </row>
    <row r="24" spans="1:22">
      <c r="A24" s="252"/>
      <c r="B24" s="64" t="s">
        <v>13</v>
      </c>
      <c r="C24" s="95">
        <v>10</v>
      </c>
      <c r="D24" s="326" t="s">
        <v>248</v>
      </c>
      <c r="E24" s="262" t="s">
        <v>51</v>
      </c>
      <c r="F24" s="116" t="s">
        <v>236</v>
      </c>
      <c r="G24" s="261" t="s">
        <v>47</v>
      </c>
      <c r="H24" s="26">
        <v>2</v>
      </c>
      <c r="I24" s="261" t="s">
        <v>52</v>
      </c>
      <c r="J24" s="415">
        <v>23.9</v>
      </c>
      <c r="K24" s="415"/>
      <c r="L24" s="415"/>
      <c r="M24" s="5"/>
      <c r="N24" s="11" t="s">
        <v>8</v>
      </c>
      <c r="O24" s="11"/>
      <c r="P24" s="11" t="s">
        <v>9</v>
      </c>
      <c r="Q24" s="11"/>
      <c r="R24" s="11" t="s">
        <v>275</v>
      </c>
      <c r="S24" s="11"/>
      <c r="V24" s="207"/>
    </row>
    <row r="25" spans="1:22">
      <c r="A25" s="252"/>
      <c r="B25" s="64" t="s">
        <v>14</v>
      </c>
      <c r="C25" s="95">
        <v>9</v>
      </c>
      <c r="D25" s="327" t="s">
        <v>144</v>
      </c>
      <c r="E25" s="265" t="s">
        <v>51</v>
      </c>
      <c r="F25" s="125" t="s">
        <v>236</v>
      </c>
      <c r="G25" s="265" t="s">
        <v>47</v>
      </c>
      <c r="H25" s="232">
        <v>2</v>
      </c>
      <c r="I25" s="329" t="s">
        <v>52</v>
      </c>
      <c r="J25" s="428">
        <v>24</v>
      </c>
      <c r="K25" s="428"/>
      <c r="L25" s="428"/>
      <c r="M25" s="5"/>
      <c r="N25" s="11" t="s">
        <v>8</v>
      </c>
      <c r="O25" s="11" t="s">
        <v>267</v>
      </c>
      <c r="P25" s="11" t="s">
        <v>9</v>
      </c>
      <c r="Q25" s="11" t="s">
        <v>319</v>
      </c>
      <c r="R25" s="11" t="s">
        <v>10</v>
      </c>
      <c r="S25" s="11" t="s">
        <v>269</v>
      </c>
      <c r="V25" s="207"/>
    </row>
    <row r="26" spans="1:22">
      <c r="A26" s="252"/>
      <c r="B26" s="64" t="s">
        <v>15</v>
      </c>
      <c r="C26" s="54">
        <v>301</v>
      </c>
      <c r="D26" s="290" t="s">
        <v>315</v>
      </c>
      <c r="E26" s="261" t="s">
        <v>51</v>
      </c>
      <c r="F26" s="116" t="s">
        <v>312</v>
      </c>
      <c r="G26" s="261" t="s">
        <v>47</v>
      </c>
      <c r="H26" s="26" t="s">
        <v>314</v>
      </c>
      <c r="I26" s="262" t="s">
        <v>52</v>
      </c>
      <c r="J26" s="414" t="s">
        <v>317</v>
      </c>
      <c r="K26" s="414"/>
      <c r="L26" s="414"/>
      <c r="M26" s="5"/>
      <c r="N26" s="11" t="s">
        <v>8</v>
      </c>
      <c r="O26" s="11" t="s">
        <v>269</v>
      </c>
      <c r="P26" s="11" t="s">
        <v>9</v>
      </c>
      <c r="Q26" s="11" t="s">
        <v>320</v>
      </c>
      <c r="R26" s="11" t="s">
        <v>10</v>
      </c>
      <c r="S26" s="11" t="s">
        <v>293</v>
      </c>
    </row>
    <row r="27" spans="1:22">
      <c r="A27" s="14"/>
      <c r="B27" s="64" t="s">
        <v>16</v>
      </c>
      <c r="C27" s="246"/>
      <c r="D27" s="290"/>
      <c r="E27" s="261"/>
      <c r="F27" s="116"/>
      <c r="G27" s="261"/>
      <c r="H27" s="26"/>
      <c r="I27" s="262"/>
      <c r="J27" s="414"/>
      <c r="K27" s="414"/>
      <c r="L27" s="414"/>
      <c r="M27" s="5"/>
      <c r="N27" s="11" t="s">
        <v>8</v>
      </c>
      <c r="O27" s="11"/>
      <c r="P27" s="11" t="s">
        <v>9</v>
      </c>
      <c r="Q27" s="11"/>
      <c r="R27" s="11" t="s">
        <v>10</v>
      </c>
      <c r="S27" s="11"/>
    </row>
    <row r="28" spans="1:22">
      <c r="A28" s="14"/>
      <c r="B28" s="64" t="s">
        <v>17</v>
      </c>
      <c r="C28" s="95"/>
      <c r="D28" s="324"/>
      <c r="E28" s="25"/>
      <c r="F28" s="125"/>
      <c r="G28" s="66"/>
      <c r="H28" s="67"/>
      <c r="I28" s="25"/>
      <c r="J28" s="414"/>
      <c r="K28" s="414"/>
      <c r="L28" s="414"/>
      <c r="M28" s="5"/>
      <c r="N28" s="11" t="s">
        <v>8</v>
      </c>
      <c r="O28" s="11"/>
      <c r="P28" s="11" t="s">
        <v>9</v>
      </c>
      <c r="Q28" s="11"/>
      <c r="R28" s="11" t="s">
        <v>10</v>
      </c>
      <c r="S28" s="11"/>
    </row>
    <row r="29" spans="1:22">
      <c r="A29" s="14"/>
      <c r="B29" s="6"/>
      <c r="C29" s="72"/>
      <c r="D29" s="72"/>
      <c r="E29" s="6"/>
      <c r="F29" s="6"/>
      <c r="G29" s="5"/>
      <c r="H29" s="18"/>
      <c r="I29" s="6"/>
      <c r="J29" s="73"/>
      <c r="K29" s="73"/>
      <c r="L29" s="73"/>
      <c r="M29" s="1"/>
      <c r="N29" s="53"/>
      <c r="O29" s="1"/>
      <c r="P29" s="1"/>
      <c r="Q29" s="1"/>
      <c r="R29" s="1"/>
      <c r="S29" s="1"/>
    </row>
    <row r="30" spans="1:22" ht="19.2">
      <c r="A30" s="14"/>
      <c r="B30" s="256" t="s">
        <v>323</v>
      </c>
      <c r="C30" s="258"/>
      <c r="D30" s="258"/>
      <c r="E30" s="6"/>
      <c r="F30" s="6"/>
      <c r="G30" s="17"/>
      <c r="H30" s="18"/>
      <c r="I30" s="6"/>
      <c r="J30" s="73"/>
      <c r="K30" s="73"/>
      <c r="L30" s="73"/>
      <c r="M30" s="6"/>
      <c r="N30" s="17"/>
      <c r="O30" s="17"/>
      <c r="P30" s="17"/>
      <c r="Q30" s="1"/>
      <c r="R30" s="1"/>
      <c r="S30" s="1"/>
    </row>
    <row r="31" spans="1:22">
      <c r="A31" s="14"/>
      <c r="B31" s="30" t="s">
        <v>1</v>
      </c>
      <c r="C31" s="31" t="s">
        <v>2</v>
      </c>
      <c r="D31" s="23" t="s">
        <v>3</v>
      </c>
      <c r="E31" s="23"/>
      <c r="F31" s="23" t="s">
        <v>4</v>
      </c>
      <c r="G31" s="22"/>
      <c r="H31" s="38" t="s">
        <v>60</v>
      </c>
      <c r="I31" s="39"/>
      <c r="J31" s="417" t="s">
        <v>100</v>
      </c>
      <c r="K31" s="417"/>
      <c r="L31" s="417"/>
      <c r="M31" s="1"/>
      <c r="N31" s="63"/>
      <c r="O31" s="22" t="s">
        <v>5</v>
      </c>
      <c r="P31" s="22"/>
      <c r="Q31" s="417" t="s">
        <v>6</v>
      </c>
      <c r="R31" s="417"/>
      <c r="S31" s="417"/>
    </row>
    <row r="32" spans="1:22">
      <c r="A32" s="14"/>
      <c r="B32" s="64" t="s">
        <v>57</v>
      </c>
      <c r="C32" s="95"/>
      <c r="D32" s="65"/>
      <c r="E32" s="25"/>
      <c r="F32" s="26"/>
      <c r="G32" s="66"/>
      <c r="H32" s="67"/>
      <c r="I32" s="25"/>
      <c r="J32" s="414"/>
      <c r="K32" s="414"/>
      <c r="L32" s="414"/>
      <c r="M32" s="5"/>
      <c r="N32" s="63" t="s">
        <v>8</v>
      </c>
      <c r="O32" s="22"/>
      <c r="P32" s="22" t="s">
        <v>9</v>
      </c>
      <c r="Q32" s="22"/>
      <c r="R32" s="22" t="s">
        <v>10</v>
      </c>
      <c r="S32" s="22"/>
    </row>
    <row r="33" spans="1:19">
      <c r="A33" s="14"/>
      <c r="B33" s="64" t="s">
        <v>11</v>
      </c>
      <c r="C33" s="95"/>
      <c r="D33" s="65"/>
      <c r="E33" s="25"/>
      <c r="F33" s="26"/>
      <c r="G33" s="66"/>
      <c r="H33" s="67"/>
      <c r="I33" s="25"/>
      <c r="J33" s="415"/>
      <c r="K33" s="415"/>
      <c r="L33" s="415"/>
      <c r="M33" s="5"/>
      <c r="N33" s="63" t="s">
        <v>8</v>
      </c>
      <c r="O33" s="22"/>
      <c r="P33" s="22" t="s">
        <v>9</v>
      </c>
      <c r="Q33" s="22"/>
      <c r="R33" s="22" t="s">
        <v>10</v>
      </c>
      <c r="S33" s="22"/>
    </row>
    <row r="34" spans="1:19">
      <c r="A34" s="14"/>
      <c r="B34" s="64" t="s">
        <v>12</v>
      </c>
      <c r="C34" s="289">
        <v>50</v>
      </c>
      <c r="D34" s="318" t="s">
        <v>324</v>
      </c>
      <c r="E34" s="261" t="s">
        <v>51</v>
      </c>
      <c r="F34" s="116" t="s">
        <v>296</v>
      </c>
      <c r="G34" s="261" t="s">
        <v>47</v>
      </c>
      <c r="H34" s="26">
        <v>1</v>
      </c>
      <c r="I34" s="262" t="s">
        <v>52</v>
      </c>
      <c r="J34" s="415" t="s">
        <v>337</v>
      </c>
      <c r="K34" s="415"/>
      <c r="L34" s="415"/>
      <c r="M34" s="6"/>
      <c r="N34" s="12" t="s">
        <v>8</v>
      </c>
      <c r="O34" s="11" t="s">
        <v>331</v>
      </c>
      <c r="P34" s="13" t="s">
        <v>9</v>
      </c>
      <c r="Q34" s="11" t="s">
        <v>333</v>
      </c>
      <c r="R34" s="11" t="s">
        <v>10</v>
      </c>
      <c r="S34" s="11" t="s">
        <v>266</v>
      </c>
    </row>
    <row r="35" spans="1:19">
      <c r="A35" s="14"/>
      <c r="B35" s="64" t="s">
        <v>13</v>
      </c>
      <c r="C35" s="54">
        <v>215</v>
      </c>
      <c r="D35" s="290" t="s">
        <v>326</v>
      </c>
      <c r="E35" s="262" t="s">
        <v>51</v>
      </c>
      <c r="F35" s="116" t="s">
        <v>296</v>
      </c>
      <c r="G35" s="261" t="s">
        <v>47</v>
      </c>
      <c r="H35" s="26" t="s">
        <v>297</v>
      </c>
      <c r="I35" s="261" t="s">
        <v>52</v>
      </c>
      <c r="J35" s="415" t="s">
        <v>337</v>
      </c>
      <c r="K35" s="415"/>
      <c r="L35" s="415"/>
      <c r="M35" s="5"/>
      <c r="N35" s="12" t="s">
        <v>8</v>
      </c>
      <c r="O35" s="11" t="s">
        <v>267</v>
      </c>
      <c r="P35" s="13" t="s">
        <v>9</v>
      </c>
      <c r="Q35" s="11" t="s">
        <v>306</v>
      </c>
      <c r="R35" s="11" t="s">
        <v>10</v>
      </c>
      <c r="S35" s="11" t="s">
        <v>334</v>
      </c>
    </row>
    <row r="36" spans="1:19">
      <c r="A36" s="14"/>
      <c r="B36" s="64" t="s">
        <v>14</v>
      </c>
      <c r="C36" s="95">
        <v>201</v>
      </c>
      <c r="D36" s="65" t="s">
        <v>328</v>
      </c>
      <c r="E36" s="265" t="s">
        <v>51</v>
      </c>
      <c r="F36" s="116" t="s">
        <v>296</v>
      </c>
      <c r="G36" s="265" t="s">
        <v>47</v>
      </c>
      <c r="H36" s="232" t="s">
        <v>325</v>
      </c>
      <c r="I36" s="329" t="s">
        <v>52</v>
      </c>
      <c r="J36" s="415" t="s">
        <v>337</v>
      </c>
      <c r="K36" s="415"/>
      <c r="L36" s="415"/>
      <c r="M36" s="5"/>
      <c r="N36" s="12" t="s">
        <v>8</v>
      </c>
      <c r="O36" s="11" t="s">
        <v>268</v>
      </c>
      <c r="P36" s="13" t="s">
        <v>9</v>
      </c>
      <c r="Q36" s="11" t="s">
        <v>306</v>
      </c>
      <c r="R36" s="11" t="s">
        <v>10</v>
      </c>
      <c r="S36" s="11" t="s">
        <v>335</v>
      </c>
    </row>
    <row r="37" spans="1:19">
      <c r="A37" s="14"/>
      <c r="B37" s="64" t="s">
        <v>15</v>
      </c>
      <c r="C37" s="54">
        <v>204</v>
      </c>
      <c r="D37" s="318" t="s">
        <v>330</v>
      </c>
      <c r="E37" s="261" t="s">
        <v>51</v>
      </c>
      <c r="F37" s="116" t="s">
        <v>296</v>
      </c>
      <c r="G37" s="261" t="s">
        <v>47</v>
      </c>
      <c r="H37" s="26" t="s">
        <v>297</v>
      </c>
      <c r="I37" s="262" t="s">
        <v>52</v>
      </c>
      <c r="J37" s="415" t="s">
        <v>337</v>
      </c>
      <c r="K37" s="415"/>
      <c r="L37" s="415"/>
      <c r="M37" s="5"/>
      <c r="N37" s="12" t="s">
        <v>8</v>
      </c>
      <c r="O37" s="11" t="s">
        <v>332</v>
      </c>
      <c r="P37" s="13" t="s">
        <v>9</v>
      </c>
      <c r="Q37" s="11" t="s">
        <v>305</v>
      </c>
      <c r="R37" s="11" t="s">
        <v>10</v>
      </c>
      <c r="S37" s="11" t="s">
        <v>336</v>
      </c>
    </row>
    <row r="38" spans="1:19">
      <c r="A38" s="14"/>
      <c r="B38" s="64" t="s">
        <v>16</v>
      </c>
      <c r="C38" s="95"/>
      <c r="D38" s="65"/>
      <c r="E38" s="25"/>
      <c r="F38" s="26"/>
      <c r="G38" s="66"/>
      <c r="H38" s="67"/>
      <c r="I38" s="25"/>
      <c r="J38" s="414"/>
      <c r="K38" s="414"/>
      <c r="L38" s="414"/>
      <c r="M38" s="6"/>
      <c r="N38" s="12" t="s">
        <v>8</v>
      </c>
      <c r="O38" s="13"/>
      <c r="P38" s="13" t="s">
        <v>9</v>
      </c>
      <c r="Q38" s="13"/>
      <c r="R38" s="13" t="s">
        <v>10</v>
      </c>
      <c r="S38" s="13"/>
    </row>
    <row r="39" spans="1:19">
      <c r="A39" s="14"/>
      <c r="B39" s="64" t="s">
        <v>17</v>
      </c>
      <c r="C39" s="95"/>
      <c r="D39" s="65"/>
      <c r="E39" s="25"/>
      <c r="F39" s="26"/>
      <c r="G39" s="66"/>
      <c r="H39" s="67"/>
      <c r="I39" s="25"/>
      <c r="J39" s="416"/>
      <c r="K39" s="416"/>
      <c r="L39" s="416"/>
      <c r="M39" s="5"/>
      <c r="N39" s="12" t="s">
        <v>8</v>
      </c>
      <c r="O39" s="13"/>
      <c r="P39" s="13" t="s">
        <v>9</v>
      </c>
      <c r="Q39" s="13"/>
      <c r="R39" s="13" t="s">
        <v>10</v>
      </c>
      <c r="S39" s="13"/>
    </row>
    <row r="40" spans="1:19">
      <c r="A40" s="14"/>
      <c r="B40" s="6"/>
      <c r="C40" s="43"/>
      <c r="D40" s="43"/>
      <c r="E40" s="6"/>
      <c r="F40" s="74"/>
      <c r="G40" s="57"/>
      <c r="H40" s="44"/>
      <c r="I40" s="6"/>
      <c r="J40" s="62"/>
      <c r="K40" s="58"/>
      <c r="L40" s="58"/>
      <c r="M40" s="5"/>
      <c r="N40" s="17"/>
      <c r="O40" s="5"/>
      <c r="P40" s="5"/>
      <c r="Q40" s="5"/>
      <c r="R40" s="5"/>
      <c r="S40" s="5"/>
    </row>
    <row r="42" spans="1:19">
      <c r="B42" s="4"/>
      <c r="C42" s="4"/>
      <c r="D42" s="4"/>
      <c r="E42" s="4"/>
      <c r="H42" s="4"/>
      <c r="I42" s="4"/>
      <c r="J42" s="4"/>
      <c r="K42" s="4"/>
      <c r="L42" s="4"/>
      <c r="N42" s="4"/>
    </row>
    <row r="43" spans="1:19">
      <c r="B43" s="4"/>
      <c r="C43" s="4"/>
      <c r="D43" s="4"/>
      <c r="E43" s="4"/>
      <c r="H43" s="4"/>
      <c r="I43" s="4"/>
      <c r="J43" s="4"/>
      <c r="K43" s="4"/>
      <c r="L43" s="4"/>
      <c r="N43" s="4"/>
    </row>
    <row r="44" spans="1:19">
      <c r="B44" s="4"/>
      <c r="C44" s="4"/>
      <c r="D44" s="4"/>
      <c r="E44" s="4"/>
      <c r="H44" s="4"/>
      <c r="I44" s="4"/>
      <c r="J44" s="4"/>
      <c r="K44" s="4"/>
      <c r="L44" s="4"/>
      <c r="N44" s="4"/>
    </row>
    <row r="45" spans="1:19">
      <c r="B45" s="4"/>
      <c r="C45" s="4"/>
      <c r="D45" s="4"/>
      <c r="E45" s="4"/>
      <c r="H45" s="4"/>
      <c r="I45" s="4"/>
      <c r="J45" s="4"/>
      <c r="K45" s="4"/>
      <c r="L45" s="4"/>
      <c r="N45" s="4"/>
    </row>
    <row r="46" spans="1:19">
      <c r="B46" s="4"/>
      <c r="C46" s="4"/>
      <c r="D46" s="4"/>
      <c r="E46" s="4"/>
      <c r="H46" s="4"/>
      <c r="I46" s="4"/>
      <c r="J46" s="4"/>
      <c r="K46" s="4"/>
      <c r="L46" s="4"/>
      <c r="N46" s="4"/>
    </row>
    <row r="47" spans="1:19">
      <c r="B47" s="4"/>
      <c r="C47" s="4"/>
      <c r="D47" s="4"/>
      <c r="E47" s="4"/>
      <c r="H47" s="4"/>
      <c r="I47" s="4"/>
      <c r="J47" s="4"/>
      <c r="K47" s="4"/>
      <c r="L47" s="4"/>
      <c r="N47" s="4"/>
    </row>
    <row r="48" spans="1:19">
      <c r="B48" s="4"/>
      <c r="C48" s="4"/>
      <c r="D48" s="4"/>
      <c r="E48" s="4"/>
      <c r="H48" s="4"/>
      <c r="I48" s="4"/>
      <c r="J48" s="4"/>
      <c r="K48" s="4"/>
      <c r="L48" s="4"/>
      <c r="N48" s="4"/>
    </row>
    <row r="49" spans="2:21">
      <c r="B49" s="4"/>
      <c r="C49" s="4"/>
      <c r="D49" s="4"/>
      <c r="E49" s="4"/>
      <c r="H49" s="4"/>
      <c r="I49" s="4"/>
      <c r="J49" s="4"/>
      <c r="K49" s="4"/>
      <c r="L49" s="4"/>
      <c r="N49" s="4"/>
    </row>
    <row r="50" spans="2:21">
      <c r="B50" s="4"/>
      <c r="C50" s="4"/>
      <c r="D50" s="4"/>
      <c r="E50" s="4"/>
      <c r="H50" s="4"/>
      <c r="I50" s="4"/>
      <c r="J50" s="4"/>
      <c r="K50" s="4"/>
      <c r="L50" s="4"/>
      <c r="N50" s="4"/>
    </row>
    <row r="51" spans="2:21">
      <c r="B51" s="4"/>
      <c r="C51" s="4"/>
      <c r="D51" s="4"/>
      <c r="E51" s="4"/>
      <c r="H51" s="4"/>
      <c r="I51" s="4"/>
      <c r="J51" s="4"/>
      <c r="K51" s="4"/>
      <c r="L51" s="4"/>
      <c r="N51" s="4"/>
    </row>
    <row r="52" spans="2:21">
      <c r="B52" s="4"/>
      <c r="C52" s="4"/>
      <c r="D52" s="4"/>
      <c r="E52" s="4"/>
      <c r="H52" s="4"/>
      <c r="I52" s="4"/>
      <c r="J52" s="4"/>
      <c r="K52" s="4"/>
      <c r="L52" s="4"/>
      <c r="N52" s="4"/>
    </row>
    <row r="53" spans="2:21">
      <c r="B53" s="4"/>
      <c r="C53" s="4"/>
      <c r="D53" s="4"/>
      <c r="E53" s="4"/>
      <c r="H53" s="4"/>
      <c r="I53" s="4"/>
      <c r="J53" s="4"/>
      <c r="K53" s="4"/>
      <c r="L53" s="4"/>
      <c r="N53" s="4"/>
    </row>
    <row r="54" spans="2:21">
      <c r="B54" s="4"/>
      <c r="C54" s="4"/>
      <c r="D54" s="4"/>
      <c r="E54" s="4"/>
      <c r="H54" s="4"/>
      <c r="I54" s="4"/>
      <c r="J54" s="4"/>
      <c r="K54" s="4"/>
      <c r="L54" s="4"/>
      <c r="N54" s="4"/>
    </row>
    <row r="55" spans="2:21">
      <c r="B55" s="4"/>
      <c r="C55" s="4"/>
      <c r="D55" s="4"/>
      <c r="E55" s="4"/>
      <c r="H55" s="4"/>
      <c r="I55" s="4"/>
      <c r="J55" s="4"/>
      <c r="K55" s="4"/>
      <c r="L55" s="4"/>
      <c r="N55" s="4"/>
    </row>
    <row r="56" spans="2:21">
      <c r="B56" s="4"/>
      <c r="C56" s="4"/>
      <c r="D56" s="4"/>
      <c r="E56" s="4"/>
      <c r="H56" s="4"/>
      <c r="I56" s="4"/>
      <c r="J56" s="4"/>
      <c r="K56" s="4"/>
      <c r="L56" s="4"/>
      <c r="N56" s="4"/>
    </row>
    <row r="57" spans="2:21">
      <c r="B57" s="4"/>
      <c r="C57" s="4"/>
      <c r="D57" s="4"/>
      <c r="E57" s="4"/>
      <c r="H57" s="4"/>
      <c r="I57" s="4"/>
      <c r="J57" s="4"/>
      <c r="K57" s="4"/>
      <c r="L57" s="4"/>
      <c r="N57" s="4"/>
    </row>
    <row r="58" spans="2:21">
      <c r="B58" s="4"/>
      <c r="C58" s="4"/>
      <c r="D58" s="4"/>
      <c r="E58" s="4"/>
      <c r="H58" s="4"/>
      <c r="I58" s="4"/>
      <c r="J58" s="4"/>
      <c r="K58" s="4"/>
      <c r="L58" s="4"/>
      <c r="N58" s="4"/>
    </row>
    <row r="59" spans="2:21">
      <c r="B59" s="4"/>
      <c r="C59" s="4"/>
      <c r="D59" s="4"/>
      <c r="E59" s="4"/>
      <c r="H59" s="4"/>
      <c r="I59" s="4"/>
      <c r="J59" s="4"/>
      <c r="K59" s="4"/>
      <c r="L59" s="4"/>
      <c r="N59" s="4"/>
      <c r="T59" s="14"/>
      <c r="U59" s="14"/>
    </row>
    <row r="60" spans="2:21">
      <c r="B60" s="4"/>
      <c r="C60" s="4"/>
      <c r="D60" s="4"/>
      <c r="E60" s="4"/>
      <c r="H60" s="4"/>
      <c r="I60" s="4"/>
      <c r="J60" s="4"/>
      <c r="K60" s="4"/>
      <c r="L60" s="4"/>
      <c r="N60" s="4"/>
      <c r="T60" s="14"/>
      <c r="U60" s="14"/>
    </row>
  </sheetData>
  <mergeCells count="34">
    <mergeCell ref="J37:L37"/>
    <mergeCell ref="J26:L26"/>
    <mergeCell ref="J27:L27"/>
    <mergeCell ref="J28:L28"/>
    <mergeCell ref="J31:L31"/>
    <mergeCell ref="J36:L36"/>
    <mergeCell ref="J38:L38"/>
    <mergeCell ref="J39:L39"/>
    <mergeCell ref="B1:E5"/>
    <mergeCell ref="F5:H5"/>
    <mergeCell ref="J17:L17"/>
    <mergeCell ref="J11:L11"/>
    <mergeCell ref="J12:L12"/>
    <mergeCell ref="J13:L13"/>
    <mergeCell ref="J14:L14"/>
    <mergeCell ref="J15:L15"/>
    <mergeCell ref="J16:L16"/>
    <mergeCell ref="J4:L4"/>
    <mergeCell ref="J5:L5"/>
    <mergeCell ref="B7:D7"/>
    <mergeCell ref="J34:L34"/>
    <mergeCell ref="J35:L35"/>
    <mergeCell ref="J10:L10"/>
    <mergeCell ref="Q31:S31"/>
    <mergeCell ref="J32:L32"/>
    <mergeCell ref="J33:L33"/>
    <mergeCell ref="Q10:S10"/>
    <mergeCell ref="J20:L20"/>
    <mergeCell ref="Q20:S20"/>
    <mergeCell ref="J21:L21"/>
    <mergeCell ref="J24:L24"/>
    <mergeCell ref="J25:L25"/>
    <mergeCell ref="J23:L23"/>
    <mergeCell ref="J22:L22"/>
  </mergeCells>
  <phoneticPr fontId="33"/>
  <dataValidations count="2">
    <dataValidation imeMode="hiragana" allowBlank="1" showInputMessage="1" showErrorMessage="1" sqref="IT6 D6 D11:D17 D28:D29"/>
    <dataValidation operator="equal" allowBlank="1" showErrorMessage="1" sqref="IT15:IT16"/>
  </dataValidations>
  <pageMargins left="0.78680555555555554" right="0.78680555555555554" top="0.98333333333333328" bottom="0.98333333333333328" header="0.51111111111111107" footer="0.51111111111111107"/>
  <pageSetup paperSize="9" firstPageNumber="4294963191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33"/>
  <sheetViews>
    <sheetView topLeftCell="A20" workbookViewId="0">
      <selection activeCell="Q27" sqref="Q27"/>
    </sheetView>
  </sheetViews>
  <sheetFormatPr defaultColWidth="13" defaultRowHeight="13.2"/>
  <cols>
    <col min="1" max="1" width="7.109375" style="4" customWidth="1"/>
    <col min="2" max="2" width="3.33203125" style="54" customWidth="1"/>
    <col min="3" max="3" width="6" style="55" customWidth="1"/>
    <col min="4" max="4" width="14" style="56" customWidth="1"/>
    <col min="5" max="5" width="1.109375" style="54" customWidth="1"/>
    <col min="6" max="6" width="8.33203125" style="4" customWidth="1"/>
    <col min="7" max="7" width="1.44140625" style="4" customWidth="1"/>
    <col min="8" max="8" width="5" style="55" customWidth="1"/>
    <col min="9" max="9" width="1.44140625" style="4" customWidth="1"/>
    <col min="10" max="10" width="9.88671875" style="55" customWidth="1"/>
    <col min="11" max="11" width="9.44140625" style="4" customWidth="1"/>
    <col min="12" max="12" width="1.109375" style="4" customWidth="1"/>
    <col min="13" max="13" width="4.44140625" style="4" customWidth="1"/>
    <col min="14" max="14" width="1.109375" style="4" customWidth="1"/>
    <col min="15" max="15" width="4.88671875" style="4" customWidth="1"/>
    <col min="16" max="16" width="1.109375" style="4" customWidth="1"/>
    <col min="17" max="17" width="4.88671875" style="4" customWidth="1"/>
    <col min="18" max="18" width="13" style="4" bestFit="1"/>
    <col min="19" max="16384" width="13" style="4"/>
  </cols>
  <sheetData>
    <row r="1" spans="1:22">
      <c r="A1" s="14"/>
      <c r="B1" s="420" t="s">
        <v>19</v>
      </c>
      <c r="C1" s="421"/>
      <c r="D1" s="421"/>
      <c r="E1" s="421"/>
      <c r="F1" s="1"/>
      <c r="G1" s="1"/>
      <c r="H1" s="2"/>
      <c r="I1" s="1"/>
      <c r="J1" s="2"/>
      <c r="K1" s="1"/>
      <c r="L1" s="1"/>
      <c r="M1" s="1"/>
      <c r="N1" s="1"/>
      <c r="O1" s="1"/>
      <c r="P1" s="1"/>
      <c r="Q1" s="1"/>
    </row>
    <row r="2" spans="1:22">
      <c r="A2" s="14"/>
      <c r="B2" s="421"/>
      <c r="C2" s="421"/>
      <c r="D2" s="421"/>
      <c r="E2" s="421"/>
      <c r="F2" s="1"/>
      <c r="G2" s="1"/>
      <c r="H2" s="2"/>
      <c r="I2" s="1"/>
      <c r="J2" s="2"/>
      <c r="K2" s="1"/>
      <c r="L2" s="1"/>
      <c r="M2" s="1"/>
      <c r="N2" s="1"/>
      <c r="O2" s="1"/>
      <c r="P2" s="1"/>
      <c r="Q2" s="1"/>
    </row>
    <row r="3" spans="1:22">
      <c r="A3" s="14"/>
      <c r="B3" s="421"/>
      <c r="C3" s="421"/>
      <c r="D3" s="421"/>
      <c r="E3" s="421"/>
      <c r="F3" s="1"/>
      <c r="G3" s="1"/>
      <c r="H3" s="2"/>
      <c r="I3" s="1"/>
      <c r="J3" s="2"/>
      <c r="K3" s="1"/>
      <c r="L3" s="1"/>
      <c r="M3" s="1"/>
      <c r="N3" s="1"/>
      <c r="O3" s="1"/>
      <c r="P3" s="1"/>
      <c r="Q3" s="1"/>
    </row>
    <row r="4" spans="1:22">
      <c r="A4" s="14"/>
      <c r="B4" s="421"/>
      <c r="C4" s="421"/>
      <c r="D4" s="421"/>
      <c r="E4" s="421"/>
      <c r="F4" s="1" t="s">
        <v>0</v>
      </c>
      <c r="G4" s="1"/>
      <c r="H4" s="2"/>
      <c r="I4" s="1"/>
      <c r="J4" s="3" t="s">
        <v>71</v>
      </c>
      <c r="K4" s="53" t="s">
        <v>72</v>
      </c>
      <c r="L4" s="1"/>
      <c r="M4" s="5"/>
      <c r="N4" s="1"/>
      <c r="O4" s="1"/>
      <c r="P4" s="1"/>
      <c r="Q4" s="1"/>
    </row>
    <row r="5" spans="1:22">
      <c r="A5" s="14"/>
      <c r="B5" s="421"/>
      <c r="C5" s="421"/>
      <c r="D5" s="421"/>
      <c r="E5" s="421"/>
      <c r="F5" s="422" t="s">
        <v>70</v>
      </c>
      <c r="G5" s="422"/>
      <c r="H5" s="422"/>
      <c r="I5" s="1"/>
      <c r="J5" s="3" t="s">
        <v>73</v>
      </c>
      <c r="K5" s="53" t="s">
        <v>74</v>
      </c>
      <c r="L5" s="53"/>
      <c r="M5" s="53"/>
      <c r="N5" s="1"/>
      <c r="O5" s="1"/>
      <c r="P5" s="1"/>
      <c r="Q5" s="1"/>
    </row>
    <row r="6" spans="1:22">
      <c r="A6" s="14"/>
      <c r="B6" s="21"/>
      <c r="C6" s="20"/>
      <c r="D6" s="85"/>
      <c r="E6" s="21"/>
      <c r="F6" s="86"/>
      <c r="G6" s="86"/>
      <c r="H6" s="20"/>
      <c r="I6" s="86"/>
      <c r="J6" s="20"/>
      <c r="K6" s="86"/>
      <c r="L6" s="86"/>
      <c r="M6" s="86"/>
      <c r="N6" s="86"/>
      <c r="O6" s="86"/>
      <c r="P6" s="86"/>
      <c r="Q6" s="86"/>
    </row>
    <row r="7" spans="1:22" ht="18.600000000000001" customHeight="1">
      <c r="A7" s="14"/>
      <c r="B7" s="435"/>
      <c r="C7" s="435"/>
      <c r="D7" s="435"/>
      <c r="E7" s="435"/>
      <c r="F7" s="435"/>
      <c r="G7" s="435"/>
      <c r="H7" s="435"/>
      <c r="I7" s="435"/>
      <c r="J7" s="435"/>
      <c r="K7" s="435"/>
      <c r="L7" s="435"/>
      <c r="M7" s="435"/>
      <c r="N7" s="435"/>
      <c r="O7" s="435"/>
      <c r="P7" s="435"/>
      <c r="Q7" s="435"/>
      <c r="R7" s="14"/>
    </row>
    <row r="8" spans="1:22">
      <c r="A8" s="14"/>
      <c r="B8" s="15"/>
      <c r="C8" s="88"/>
      <c r="D8" s="88"/>
      <c r="E8" s="89"/>
      <c r="F8" s="88"/>
      <c r="G8" s="90"/>
      <c r="H8" s="91"/>
      <c r="I8" s="90"/>
      <c r="J8" s="15"/>
      <c r="K8" s="16"/>
      <c r="L8" s="16"/>
      <c r="M8" s="16"/>
      <c r="N8" s="16"/>
      <c r="O8" s="5"/>
      <c r="P8" s="5"/>
      <c r="Q8" s="5"/>
    </row>
    <row r="9" spans="1:22" ht="19.2">
      <c r="A9" s="14"/>
      <c r="B9" s="432" t="s">
        <v>59</v>
      </c>
      <c r="C9" s="433"/>
      <c r="D9" s="433"/>
      <c r="E9" s="6"/>
      <c r="F9" s="17"/>
      <c r="G9" s="17"/>
      <c r="H9" s="18"/>
      <c r="I9" s="17"/>
      <c r="J9" s="18"/>
      <c r="K9" s="17"/>
      <c r="L9" s="17"/>
      <c r="M9" s="17"/>
      <c r="N9" s="17"/>
      <c r="O9" s="1"/>
      <c r="P9" s="1"/>
      <c r="Q9" s="1"/>
      <c r="R9" s="14"/>
    </row>
    <row r="10" spans="1:22">
      <c r="A10" s="14"/>
      <c r="B10" s="30" t="s">
        <v>1</v>
      </c>
      <c r="C10" s="31" t="s">
        <v>2</v>
      </c>
      <c r="D10" s="23" t="s">
        <v>3</v>
      </c>
      <c r="E10" s="23"/>
      <c r="F10" s="23" t="s">
        <v>4</v>
      </c>
      <c r="G10" s="22"/>
      <c r="H10" s="47" t="s">
        <v>60</v>
      </c>
      <c r="I10" s="22"/>
      <c r="J10" s="23" t="s">
        <v>100</v>
      </c>
      <c r="K10" s="1"/>
      <c r="L10" s="22"/>
      <c r="M10" s="22" t="s">
        <v>5</v>
      </c>
      <c r="N10" s="22"/>
      <c r="O10" s="417" t="s">
        <v>6</v>
      </c>
      <c r="P10" s="417"/>
      <c r="Q10" s="417"/>
    </row>
    <row r="11" spans="1:22">
      <c r="A11" s="14"/>
      <c r="B11" s="64" t="s">
        <v>7</v>
      </c>
      <c r="C11" s="24"/>
      <c r="D11" s="65"/>
      <c r="E11" s="263"/>
      <c r="F11" s="26"/>
      <c r="G11" s="260"/>
      <c r="H11" s="67"/>
      <c r="I11" s="264"/>
      <c r="J11" s="75"/>
      <c r="K11" s="5"/>
      <c r="L11" s="23" t="s">
        <v>8</v>
      </c>
      <c r="M11" s="23"/>
      <c r="N11" s="23" t="s">
        <v>9</v>
      </c>
      <c r="O11" s="23"/>
      <c r="P11" s="23" t="s">
        <v>10</v>
      </c>
      <c r="Q11" s="23"/>
    </row>
    <row r="12" spans="1:22">
      <c r="A12" s="14"/>
      <c r="B12" s="64" t="s">
        <v>11</v>
      </c>
      <c r="C12" s="24"/>
      <c r="D12" s="65"/>
      <c r="E12" s="263"/>
      <c r="F12" s="26"/>
      <c r="G12" s="260"/>
      <c r="H12" s="67"/>
      <c r="I12" s="264"/>
      <c r="J12" s="27"/>
      <c r="K12" s="5"/>
      <c r="L12" s="11" t="s">
        <v>8</v>
      </c>
      <c r="M12" s="11"/>
      <c r="N12" s="11" t="s">
        <v>9</v>
      </c>
      <c r="O12" s="11"/>
      <c r="P12" s="11" t="s">
        <v>10</v>
      </c>
      <c r="Q12" s="11"/>
      <c r="R12" s="14"/>
    </row>
    <row r="13" spans="1:22">
      <c r="A13" s="14"/>
      <c r="B13" s="64" t="s">
        <v>12</v>
      </c>
      <c r="C13" s="95">
        <v>101</v>
      </c>
      <c r="D13" s="358" t="s">
        <v>162</v>
      </c>
      <c r="E13" s="261" t="s">
        <v>51</v>
      </c>
      <c r="F13" s="125" t="s">
        <v>116</v>
      </c>
      <c r="G13" s="261" t="s">
        <v>47</v>
      </c>
      <c r="H13" s="26">
        <v>4</v>
      </c>
      <c r="I13" s="262" t="s">
        <v>52</v>
      </c>
      <c r="J13" s="357">
        <v>50.61</v>
      </c>
      <c r="K13" s="5"/>
      <c r="L13" s="11" t="s">
        <v>8</v>
      </c>
      <c r="M13" s="11" t="s">
        <v>267</v>
      </c>
      <c r="N13" s="11" t="s">
        <v>9</v>
      </c>
      <c r="O13" s="11" t="s">
        <v>339</v>
      </c>
      <c r="P13" s="11" t="s">
        <v>10</v>
      </c>
      <c r="Q13" s="11" t="s">
        <v>293</v>
      </c>
      <c r="S13" s="207"/>
      <c r="T13" s="207"/>
    </row>
    <row r="14" spans="1:22">
      <c r="A14" s="14"/>
      <c r="B14" s="64" t="s">
        <v>13</v>
      </c>
      <c r="C14" s="246">
        <v>33</v>
      </c>
      <c r="D14" s="253" t="s">
        <v>158</v>
      </c>
      <c r="E14" s="261" t="s">
        <v>51</v>
      </c>
      <c r="F14" s="125" t="s">
        <v>114</v>
      </c>
      <c r="G14" s="261" t="s">
        <v>47</v>
      </c>
      <c r="H14" s="26">
        <v>3</v>
      </c>
      <c r="I14" s="262" t="s">
        <v>52</v>
      </c>
      <c r="J14" s="357">
        <v>49.26</v>
      </c>
      <c r="K14" s="5"/>
      <c r="L14" s="11" t="s">
        <v>8</v>
      </c>
      <c r="M14" s="11" t="s">
        <v>268</v>
      </c>
      <c r="N14" s="11" t="s">
        <v>9</v>
      </c>
      <c r="O14" s="11" t="s">
        <v>340</v>
      </c>
      <c r="P14" s="11" t="s">
        <v>10</v>
      </c>
      <c r="Q14" s="11" t="s">
        <v>343</v>
      </c>
      <c r="S14" s="207"/>
      <c r="T14" s="207"/>
      <c r="U14" s="207"/>
      <c r="V14" s="207"/>
    </row>
    <row r="15" spans="1:22">
      <c r="A15" s="14"/>
      <c r="B15" s="64" t="s">
        <v>14</v>
      </c>
      <c r="C15" s="95">
        <v>36</v>
      </c>
      <c r="D15" s="65" t="s">
        <v>159</v>
      </c>
      <c r="E15" s="261" t="s">
        <v>51</v>
      </c>
      <c r="F15" s="125" t="s">
        <v>114</v>
      </c>
      <c r="G15" s="261" t="s">
        <v>47</v>
      </c>
      <c r="H15" s="26">
        <v>4</v>
      </c>
      <c r="I15" s="262" t="s">
        <v>52</v>
      </c>
      <c r="J15" s="357">
        <v>50.98</v>
      </c>
      <c r="K15" s="5"/>
      <c r="L15" s="11" t="s">
        <v>8</v>
      </c>
      <c r="M15" s="11" t="s">
        <v>266</v>
      </c>
      <c r="N15" s="11" t="s">
        <v>9</v>
      </c>
      <c r="O15" s="11" t="s">
        <v>341</v>
      </c>
      <c r="P15" s="11" t="s">
        <v>10</v>
      </c>
      <c r="Q15" s="11" t="s">
        <v>293</v>
      </c>
      <c r="S15" s="207"/>
      <c r="T15" s="207"/>
      <c r="U15" s="207"/>
      <c r="V15" s="207"/>
    </row>
    <row r="16" spans="1:22">
      <c r="A16" s="14"/>
      <c r="B16" s="64" t="s">
        <v>15</v>
      </c>
      <c r="C16" s="271">
        <v>114</v>
      </c>
      <c r="D16" s="243" t="s">
        <v>161</v>
      </c>
      <c r="E16" s="261" t="s">
        <v>51</v>
      </c>
      <c r="F16" s="125" t="s">
        <v>116</v>
      </c>
      <c r="G16" s="261" t="s">
        <v>47</v>
      </c>
      <c r="H16" s="26">
        <v>2</v>
      </c>
      <c r="I16" s="262" t="s">
        <v>52</v>
      </c>
      <c r="J16" s="357">
        <v>54.9</v>
      </c>
      <c r="K16" s="5"/>
      <c r="L16" s="11" t="s">
        <v>8</v>
      </c>
      <c r="M16" s="11" t="s">
        <v>269</v>
      </c>
      <c r="N16" s="11" t="s">
        <v>9</v>
      </c>
      <c r="O16" s="11" t="s">
        <v>342</v>
      </c>
      <c r="P16" s="11" t="s">
        <v>10</v>
      </c>
      <c r="Q16" s="11" t="s">
        <v>280</v>
      </c>
      <c r="S16" s="207"/>
      <c r="T16" s="207"/>
      <c r="U16" s="207"/>
      <c r="V16" s="207"/>
    </row>
    <row r="17" spans="1:22">
      <c r="A17" s="14"/>
      <c r="B17" s="64" t="s">
        <v>16</v>
      </c>
      <c r="C17" s="271"/>
      <c r="D17" s="243"/>
      <c r="E17" s="261"/>
      <c r="F17" s="125"/>
      <c r="G17" s="261"/>
      <c r="H17" s="26"/>
      <c r="I17" s="262"/>
      <c r="J17" s="32"/>
      <c r="K17" s="5"/>
      <c r="L17" s="11" t="s">
        <v>8</v>
      </c>
      <c r="M17" s="11"/>
      <c r="N17" s="11" t="s">
        <v>9</v>
      </c>
      <c r="O17" s="11"/>
      <c r="P17" s="11" t="s">
        <v>10</v>
      </c>
      <c r="Q17" s="11"/>
      <c r="U17" s="207"/>
      <c r="V17" s="207"/>
    </row>
    <row r="18" spans="1:22">
      <c r="A18" s="14"/>
      <c r="B18" s="64" t="s">
        <v>17</v>
      </c>
      <c r="C18" s="273"/>
      <c r="D18" s="288"/>
      <c r="E18" s="265"/>
      <c r="F18" s="125"/>
      <c r="G18" s="267"/>
      <c r="H18" s="232"/>
      <c r="I18" s="266"/>
      <c r="J18" s="239"/>
      <c r="K18" s="5"/>
      <c r="L18" s="11" t="s">
        <v>8</v>
      </c>
      <c r="M18" s="11"/>
      <c r="N18" s="11" t="s">
        <v>9</v>
      </c>
      <c r="O18" s="11"/>
      <c r="P18" s="11" t="s">
        <v>10</v>
      </c>
      <c r="Q18" s="11"/>
      <c r="R18" s="14"/>
      <c r="U18" s="207"/>
      <c r="V18" s="207"/>
    </row>
    <row r="19" spans="1:22">
      <c r="A19" s="14"/>
      <c r="B19" s="3"/>
      <c r="C19" s="5"/>
      <c r="D19" s="1"/>
      <c r="E19" s="1"/>
      <c r="F19" s="1"/>
      <c r="G19" s="1"/>
      <c r="H19" s="1"/>
      <c r="I19" s="1"/>
      <c r="J19" s="4"/>
      <c r="U19" s="207"/>
      <c r="V19" s="207"/>
    </row>
    <row r="20" spans="1:22" ht="19.2">
      <c r="A20" s="14"/>
      <c r="B20" s="432" t="s">
        <v>66</v>
      </c>
      <c r="C20" s="434"/>
      <c r="D20" s="434"/>
      <c r="E20" s="6"/>
      <c r="F20" s="17"/>
      <c r="G20" s="17"/>
      <c r="H20" s="18"/>
      <c r="I20" s="18"/>
      <c r="J20" s="6"/>
      <c r="K20" s="17"/>
      <c r="L20" s="17"/>
      <c r="M20" s="17"/>
      <c r="N20" s="17"/>
      <c r="O20" s="1"/>
      <c r="P20" s="1"/>
      <c r="Q20" s="1"/>
    </row>
    <row r="21" spans="1:22">
      <c r="A21" s="14"/>
      <c r="B21" s="30" t="s">
        <v>1</v>
      </c>
      <c r="C21" s="31" t="s">
        <v>2</v>
      </c>
      <c r="D21" s="23" t="s">
        <v>3</v>
      </c>
      <c r="E21" s="23"/>
      <c r="F21" s="6" t="s">
        <v>4</v>
      </c>
      <c r="G21" s="22"/>
      <c r="H21" s="47"/>
      <c r="I21" s="47"/>
      <c r="J21" s="23" t="s">
        <v>100</v>
      </c>
      <c r="K21" s="1"/>
      <c r="L21" s="22"/>
      <c r="M21" s="22" t="s">
        <v>5</v>
      </c>
      <c r="N21" s="22"/>
      <c r="O21" s="417" t="s">
        <v>6</v>
      </c>
      <c r="P21" s="417"/>
      <c r="Q21" s="417"/>
    </row>
    <row r="22" spans="1:22">
      <c r="A22" s="14"/>
      <c r="B22" s="64" t="s">
        <v>7</v>
      </c>
      <c r="C22" s="269"/>
      <c r="F22" s="268"/>
      <c r="H22" s="54"/>
      <c r="K22" s="5"/>
      <c r="L22" s="22" t="s">
        <v>8</v>
      </c>
      <c r="M22" s="22"/>
      <c r="N22" s="22" t="s">
        <v>9</v>
      </c>
      <c r="O22" s="22"/>
      <c r="P22" s="22" t="s">
        <v>10</v>
      </c>
      <c r="Q22" s="22"/>
    </row>
    <row r="23" spans="1:22">
      <c r="A23" s="14"/>
      <c r="B23" s="64" t="s">
        <v>11</v>
      </c>
      <c r="C23" s="270"/>
      <c r="D23" s="242"/>
      <c r="E23" s="241"/>
      <c r="F23" s="241"/>
      <c r="G23" s="240"/>
      <c r="H23" s="241"/>
      <c r="I23" s="240"/>
      <c r="J23" s="239"/>
      <c r="K23" s="5"/>
      <c r="L23" s="13" t="s">
        <v>8</v>
      </c>
      <c r="M23" s="13"/>
      <c r="N23" s="13" t="s">
        <v>9</v>
      </c>
      <c r="O23" s="13"/>
      <c r="P23" s="13" t="s">
        <v>10</v>
      </c>
      <c r="Q23" s="13"/>
    </row>
    <row r="24" spans="1:22">
      <c r="A24" s="14"/>
      <c r="B24" s="64" t="s">
        <v>12</v>
      </c>
      <c r="C24" s="283"/>
      <c r="E24" s="261" t="s">
        <v>51</v>
      </c>
      <c r="F24" s="125"/>
      <c r="G24" s="261" t="s">
        <v>47</v>
      </c>
      <c r="H24" s="26"/>
      <c r="I24" s="262" t="s">
        <v>52</v>
      </c>
      <c r="J24" s="33"/>
      <c r="K24" s="5"/>
      <c r="L24" s="13" t="s">
        <v>8</v>
      </c>
      <c r="M24" s="13"/>
      <c r="N24" s="13" t="s">
        <v>9</v>
      </c>
      <c r="O24" s="13"/>
      <c r="P24" s="13" t="s">
        <v>10</v>
      </c>
      <c r="Q24" s="13"/>
    </row>
    <row r="25" spans="1:22">
      <c r="A25" s="14"/>
      <c r="B25" s="64" t="s">
        <v>13</v>
      </c>
      <c r="C25" s="95">
        <v>106</v>
      </c>
      <c r="D25" s="65" t="s">
        <v>253</v>
      </c>
      <c r="E25" s="261" t="s">
        <v>51</v>
      </c>
      <c r="F25" s="125" t="s">
        <v>250</v>
      </c>
      <c r="G25" s="261" t="s">
        <v>47</v>
      </c>
      <c r="H25" s="26">
        <v>3</v>
      </c>
      <c r="I25" s="262" t="s">
        <v>52</v>
      </c>
      <c r="J25" s="27"/>
      <c r="K25" s="5"/>
      <c r="L25" s="13" t="s">
        <v>8</v>
      </c>
      <c r="M25" s="11" t="s">
        <v>267</v>
      </c>
      <c r="N25" s="11" t="s">
        <v>9</v>
      </c>
      <c r="O25" s="11" t="s">
        <v>344</v>
      </c>
      <c r="P25" s="11" t="s">
        <v>10</v>
      </c>
      <c r="Q25" s="11" t="s">
        <v>338</v>
      </c>
    </row>
    <row r="26" spans="1:22">
      <c r="A26" s="14"/>
      <c r="B26" s="64" t="s">
        <v>14</v>
      </c>
      <c r="C26" s="95">
        <v>6</v>
      </c>
      <c r="D26" s="65" t="s">
        <v>160</v>
      </c>
      <c r="E26" s="261" t="s">
        <v>51</v>
      </c>
      <c r="F26" s="125" t="s">
        <v>114</v>
      </c>
      <c r="G26" s="261" t="s">
        <v>47</v>
      </c>
      <c r="H26" s="26">
        <v>2</v>
      </c>
      <c r="I26" s="262" t="s">
        <v>52</v>
      </c>
      <c r="J26" s="357">
        <v>60</v>
      </c>
      <c r="K26" s="5"/>
      <c r="L26" s="13" t="s">
        <v>8</v>
      </c>
      <c r="M26" s="11" t="s">
        <v>338</v>
      </c>
      <c r="N26" s="11" t="s">
        <v>9</v>
      </c>
      <c r="O26" s="11" t="s">
        <v>345</v>
      </c>
      <c r="P26" s="11" t="s">
        <v>10</v>
      </c>
      <c r="Q26" s="11" t="s">
        <v>268</v>
      </c>
      <c r="S26"/>
    </row>
    <row r="27" spans="1:22">
      <c r="A27" s="14"/>
      <c r="B27" s="64" t="s">
        <v>15</v>
      </c>
      <c r="C27" s="272"/>
      <c r="D27" s="253"/>
      <c r="E27" s="261" t="s">
        <v>51</v>
      </c>
      <c r="F27" s="125"/>
      <c r="G27" s="261" t="s">
        <v>47</v>
      </c>
      <c r="H27" s="26"/>
      <c r="I27" s="262" t="s">
        <v>52</v>
      </c>
      <c r="J27" s="32"/>
      <c r="K27" s="5"/>
      <c r="L27" s="13" t="s">
        <v>8</v>
      </c>
      <c r="M27" s="13"/>
      <c r="N27" s="13" t="s">
        <v>9</v>
      </c>
      <c r="O27" s="13"/>
      <c r="P27" s="13" t="s">
        <v>10</v>
      </c>
      <c r="Q27" s="13"/>
      <c r="S27"/>
    </row>
    <row r="28" spans="1:22">
      <c r="A28" s="14"/>
      <c r="B28" s="64" t="s">
        <v>16</v>
      </c>
      <c r="C28" s="270"/>
      <c r="E28" s="261"/>
      <c r="F28" s="125"/>
      <c r="G28" s="261"/>
      <c r="H28" s="26"/>
      <c r="I28" s="262"/>
      <c r="K28" s="5"/>
      <c r="L28" s="13" t="s">
        <v>8</v>
      </c>
      <c r="M28" s="13"/>
      <c r="N28" s="13" t="s">
        <v>9</v>
      </c>
      <c r="O28" s="13"/>
      <c r="P28" s="13" t="s">
        <v>10</v>
      </c>
      <c r="Q28" s="13"/>
      <c r="S28"/>
    </row>
    <row r="29" spans="1:22">
      <c r="A29" s="14"/>
      <c r="B29" s="64" t="s">
        <v>17</v>
      </c>
      <c r="C29" s="273"/>
      <c r="D29" s="242"/>
      <c r="E29" s="241"/>
      <c r="F29" s="241"/>
      <c r="G29" s="240"/>
      <c r="H29" s="241"/>
      <c r="I29" s="240"/>
      <c r="J29" s="239"/>
      <c r="K29" s="5"/>
      <c r="L29" s="13" t="s">
        <v>8</v>
      </c>
      <c r="M29" s="13"/>
      <c r="N29" s="13" t="s">
        <v>9</v>
      </c>
      <c r="O29" s="13"/>
      <c r="P29" s="13" t="s">
        <v>10</v>
      </c>
      <c r="Q29" s="13"/>
      <c r="S29"/>
    </row>
    <row r="30" spans="1:22">
      <c r="A30" s="14"/>
      <c r="B30" s="6"/>
      <c r="C30" s="76"/>
      <c r="D30" s="76"/>
      <c r="E30" s="122"/>
      <c r="F30" s="77"/>
      <c r="G30" s="78"/>
      <c r="H30" s="79"/>
      <c r="I30" s="209"/>
      <c r="J30" s="210"/>
      <c r="K30" s="5"/>
      <c r="L30" s="5"/>
      <c r="M30" s="5"/>
      <c r="N30" s="5"/>
      <c r="O30" s="5"/>
      <c r="P30" s="5"/>
      <c r="Q30" s="5"/>
      <c r="S30"/>
    </row>
    <row r="31" spans="1:22">
      <c r="A31" s="14"/>
      <c r="B31" s="6"/>
      <c r="C31" s="76"/>
      <c r="D31" s="76"/>
      <c r="E31" s="122"/>
      <c r="F31" s="77"/>
      <c r="G31" s="78"/>
      <c r="H31" s="79"/>
      <c r="I31" s="209"/>
      <c r="J31" s="210"/>
      <c r="K31" s="5"/>
      <c r="L31" s="5"/>
      <c r="M31" s="5"/>
      <c r="N31" s="5"/>
      <c r="O31" s="5"/>
      <c r="P31" s="5"/>
      <c r="Q31" s="5"/>
      <c r="S31" s="14"/>
      <c r="T31" s="72"/>
    </row>
    <row r="32" spans="1:22">
      <c r="A32" s="14"/>
      <c r="B32" s="6"/>
      <c r="C32" s="76"/>
      <c r="D32" s="76"/>
      <c r="E32" s="122"/>
      <c r="F32" s="77"/>
      <c r="G32" s="78"/>
      <c r="H32" s="79"/>
      <c r="I32" s="209"/>
      <c r="J32" s="210"/>
      <c r="K32" s="5"/>
      <c r="L32" s="5"/>
      <c r="M32" s="5"/>
      <c r="N32" s="5"/>
      <c r="O32" s="5"/>
      <c r="P32" s="5"/>
      <c r="Q32" s="5"/>
      <c r="S32" s="14"/>
      <c r="T32" s="72"/>
    </row>
    <row r="33" spans="1:20">
      <c r="A33" s="14"/>
      <c r="B33" s="6"/>
      <c r="C33" s="76"/>
      <c r="D33" s="76"/>
      <c r="E33" s="122"/>
      <c r="F33" s="77"/>
      <c r="G33" s="78"/>
      <c r="H33" s="79"/>
      <c r="I33" s="209"/>
      <c r="J33" s="210"/>
      <c r="K33" s="5"/>
      <c r="L33" s="5"/>
      <c r="M33" s="5"/>
      <c r="N33" s="5"/>
      <c r="O33" s="5"/>
      <c r="P33" s="5"/>
      <c r="Q33" s="5"/>
      <c r="S33" s="14"/>
      <c r="T33" s="72"/>
    </row>
  </sheetData>
  <mergeCells count="7">
    <mergeCell ref="O21:Q21"/>
    <mergeCell ref="F5:H5"/>
    <mergeCell ref="B1:E5"/>
    <mergeCell ref="B9:D9"/>
    <mergeCell ref="O10:Q10"/>
    <mergeCell ref="B20:D20"/>
    <mergeCell ref="B7:Q7"/>
  </mergeCells>
  <phoneticPr fontId="33"/>
  <pageMargins left="0.78680555555555554" right="0.78680555555555554" top="0.98333333333333328" bottom="0.98333333333333328" header="0.51111111111111107" footer="0.51111111111111107"/>
  <pageSetup paperSize="9" firstPageNumber="4294963191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91"/>
  <sheetViews>
    <sheetView topLeftCell="C41" zoomScaleNormal="100" workbookViewId="0">
      <selection activeCell="D44" sqref="D44"/>
    </sheetView>
  </sheetViews>
  <sheetFormatPr defaultColWidth="9" defaultRowHeight="13.2"/>
  <cols>
    <col min="1" max="1" width="7.109375" style="97" customWidth="1"/>
    <col min="2" max="2" width="3.6640625" style="97" customWidth="1"/>
    <col min="3" max="3" width="5.6640625" style="96" customWidth="1"/>
    <col min="4" max="4" width="14.6640625" style="96" customWidth="1"/>
    <col min="5" max="5" width="1.21875" style="97" customWidth="1"/>
    <col min="6" max="6" width="8.44140625" style="97" customWidth="1"/>
    <col min="7" max="7" width="1.21875" style="97" customWidth="1"/>
    <col min="8" max="8" width="4.77734375" style="98" customWidth="1"/>
    <col min="9" max="9" width="1.21875" style="97" customWidth="1"/>
    <col min="10" max="10" width="14.6640625" style="99" customWidth="1"/>
    <col min="11" max="11" width="5.6640625" style="97" customWidth="1"/>
    <col min="12" max="12" width="1.21875" style="97" customWidth="1"/>
    <col min="13" max="13" width="4.6640625" style="97" customWidth="1"/>
    <col min="14" max="14" width="1.21875" style="97" customWidth="1"/>
    <col min="15" max="15" width="5.6640625" style="97" customWidth="1"/>
    <col min="16" max="16" width="1.21875" style="97" customWidth="1"/>
    <col min="17" max="17" width="5.6640625" style="97" customWidth="1"/>
    <col min="18" max="18" width="1.21875" style="97" customWidth="1"/>
    <col min="19" max="19" width="5.6640625" style="97" customWidth="1"/>
    <col min="20" max="20" width="9" style="97" bestFit="1"/>
    <col min="21" max="16384" width="9" style="97"/>
  </cols>
  <sheetData>
    <row r="1" spans="2:19" ht="13.2" customHeight="1">
      <c r="B1" s="436" t="s">
        <v>21</v>
      </c>
      <c r="C1" s="436"/>
      <c r="D1" s="436"/>
      <c r="E1" s="436"/>
    </row>
    <row r="2" spans="2:19" ht="13.5" customHeight="1">
      <c r="B2" s="436"/>
      <c r="C2" s="436"/>
      <c r="D2" s="436"/>
      <c r="E2" s="436"/>
      <c r="F2" s="99"/>
    </row>
    <row r="3" spans="2:19" ht="13.5" customHeight="1">
      <c r="B3" s="436"/>
      <c r="C3" s="436"/>
      <c r="D3" s="436"/>
      <c r="E3" s="436"/>
      <c r="F3" s="99"/>
      <c r="G3" s="205"/>
      <c r="I3" s="99"/>
    </row>
    <row r="4" spans="2:19" ht="13.5" customHeight="1">
      <c r="B4" s="436"/>
      <c r="C4" s="436"/>
      <c r="D4" s="436"/>
      <c r="E4" s="436"/>
      <c r="F4" s="437" t="s">
        <v>0</v>
      </c>
      <c r="G4" s="437"/>
      <c r="H4" s="437"/>
      <c r="J4" s="97" t="s">
        <v>96</v>
      </c>
    </row>
    <row r="5" spans="2:19">
      <c r="B5" s="436"/>
      <c r="C5" s="436"/>
      <c r="D5" s="436"/>
      <c r="E5" s="436"/>
      <c r="F5" s="437" t="s">
        <v>69</v>
      </c>
      <c r="G5" s="437"/>
      <c r="H5" s="437"/>
      <c r="I5" s="99"/>
      <c r="J5" s="96" t="s">
        <v>90</v>
      </c>
    </row>
    <row r="6" spans="2:19">
      <c r="B6" s="102"/>
      <c r="C6" s="103"/>
      <c r="D6" s="103"/>
      <c r="E6" s="92"/>
      <c r="F6" s="92"/>
      <c r="G6" s="92"/>
      <c r="H6" s="94"/>
      <c r="I6" s="92"/>
      <c r="J6" s="19"/>
      <c r="K6" s="57"/>
      <c r="L6" s="57"/>
      <c r="M6" s="57"/>
      <c r="N6" s="57"/>
      <c r="O6" s="57"/>
      <c r="P6" s="57"/>
      <c r="Q6" s="57"/>
      <c r="R6" s="57"/>
      <c r="S6" s="57"/>
    </row>
    <row r="7" spans="2:19" ht="18.75" customHeight="1">
      <c r="B7" s="439"/>
      <c r="C7" s="439"/>
      <c r="D7" s="439"/>
      <c r="E7" s="440"/>
      <c r="F7" s="440"/>
      <c r="G7" s="440"/>
      <c r="H7" s="440"/>
      <c r="I7" s="440"/>
      <c r="J7" s="440"/>
      <c r="K7" s="440"/>
      <c r="L7" s="440"/>
      <c r="M7" s="440"/>
      <c r="N7" s="440"/>
      <c r="O7" s="440"/>
      <c r="P7" s="440"/>
      <c r="Q7" s="440"/>
      <c r="R7" s="440"/>
      <c r="S7" s="440"/>
    </row>
    <row r="8" spans="2:19" ht="13.5" customHeight="1">
      <c r="B8" s="104"/>
      <c r="C8" s="104"/>
      <c r="D8" s="104"/>
      <c r="E8" s="104"/>
      <c r="F8" s="104"/>
      <c r="G8" s="104"/>
      <c r="H8" s="105"/>
      <c r="I8" s="104"/>
      <c r="J8" s="104"/>
      <c r="K8" s="104"/>
      <c r="L8" s="104"/>
      <c r="M8" s="104"/>
      <c r="N8" s="104"/>
      <c r="O8" s="104"/>
      <c r="P8" s="104"/>
      <c r="Q8" s="104"/>
      <c r="R8" s="104"/>
      <c r="S8" s="104"/>
    </row>
    <row r="9" spans="2:19" s="106" customFormat="1" ht="19.2">
      <c r="B9" s="104" t="s">
        <v>50</v>
      </c>
      <c r="C9" s="107"/>
      <c r="D9" s="107"/>
      <c r="E9" s="108"/>
      <c r="F9" s="108"/>
      <c r="G9" s="108"/>
      <c r="H9" s="109"/>
      <c r="I9" s="108"/>
      <c r="J9" s="108"/>
      <c r="K9" s="110"/>
      <c r="L9" s="110"/>
      <c r="M9" s="110"/>
      <c r="N9" s="110"/>
      <c r="O9" s="110"/>
      <c r="P9" s="110"/>
      <c r="Q9" s="110"/>
      <c r="R9" s="110"/>
    </row>
    <row r="10" spans="2:19" s="112" customFormat="1">
      <c r="B10" s="297" t="s">
        <v>1</v>
      </c>
      <c r="C10" s="103" t="s">
        <v>2</v>
      </c>
      <c r="D10" s="297" t="s">
        <v>3</v>
      </c>
      <c r="E10" s="103"/>
      <c r="F10" s="297" t="s">
        <v>61</v>
      </c>
      <c r="G10" s="103"/>
      <c r="H10" s="103" t="s">
        <v>60</v>
      </c>
      <c r="I10" s="103"/>
      <c r="J10" s="297" t="s">
        <v>99</v>
      </c>
      <c r="K10" s="92"/>
      <c r="L10" s="438" t="s">
        <v>5</v>
      </c>
      <c r="M10" s="438"/>
      <c r="N10" s="438"/>
      <c r="O10" s="438" t="s">
        <v>6</v>
      </c>
      <c r="P10" s="438"/>
      <c r="Q10" s="438"/>
      <c r="R10" s="438"/>
      <c r="S10" s="438"/>
    </row>
    <row r="11" spans="2:19">
      <c r="B11" s="113">
        <v>1</v>
      </c>
      <c r="C11" s="314"/>
      <c r="D11" s="103"/>
      <c r="E11" s="332"/>
      <c r="F11" s="333"/>
      <c r="G11" s="333"/>
      <c r="H11" s="333"/>
      <c r="I11" s="332"/>
      <c r="J11" s="297"/>
      <c r="L11" s="111" t="s">
        <v>8</v>
      </c>
      <c r="M11" s="127"/>
      <c r="N11" s="111" t="s">
        <v>9</v>
      </c>
      <c r="O11" s="127"/>
      <c r="P11" s="111" t="s">
        <v>10</v>
      </c>
      <c r="Q11" s="127"/>
      <c r="R11" s="111" t="s">
        <v>10</v>
      </c>
      <c r="S11" s="127"/>
    </row>
    <row r="12" spans="2:19">
      <c r="B12" s="113">
        <v>2</v>
      </c>
      <c r="C12" s="314"/>
      <c r="D12" s="103"/>
      <c r="E12" s="332"/>
      <c r="F12" s="333"/>
      <c r="G12" s="333"/>
      <c r="H12" s="333"/>
      <c r="I12" s="332"/>
      <c r="J12" s="297"/>
      <c r="L12" s="111" t="s">
        <v>8</v>
      </c>
      <c r="M12" s="127"/>
      <c r="N12" s="111" t="s">
        <v>9</v>
      </c>
      <c r="O12" s="127"/>
      <c r="P12" s="111" t="s">
        <v>10</v>
      </c>
      <c r="Q12" s="127"/>
      <c r="R12" s="111" t="s">
        <v>10</v>
      </c>
      <c r="S12" s="127"/>
    </row>
    <row r="13" spans="2:19">
      <c r="B13" s="113">
        <v>3</v>
      </c>
      <c r="C13" s="114">
        <v>12</v>
      </c>
      <c r="D13" s="330" t="s">
        <v>346</v>
      </c>
      <c r="E13" s="334" t="s">
        <v>51</v>
      </c>
      <c r="F13" s="335" t="s">
        <v>114</v>
      </c>
      <c r="G13" s="334" t="s">
        <v>47</v>
      </c>
      <c r="H13" s="336">
        <v>2</v>
      </c>
      <c r="I13" s="337" t="s">
        <v>52</v>
      </c>
      <c r="J13" s="119" t="s">
        <v>337</v>
      </c>
      <c r="L13" s="111" t="s">
        <v>8</v>
      </c>
      <c r="M13" s="127">
        <v>3</v>
      </c>
      <c r="N13" s="111" t="s">
        <v>9</v>
      </c>
      <c r="O13" s="127">
        <v>1</v>
      </c>
      <c r="P13" s="111" t="s">
        <v>10</v>
      </c>
      <c r="Q13" s="292">
        <v>59</v>
      </c>
      <c r="R13" s="111" t="s">
        <v>10</v>
      </c>
      <c r="S13" s="127">
        <v>8</v>
      </c>
    </row>
    <row r="14" spans="2:19">
      <c r="B14" s="113">
        <v>4</v>
      </c>
      <c r="C14" s="114">
        <v>103</v>
      </c>
      <c r="D14" s="327" t="s">
        <v>115</v>
      </c>
      <c r="E14" s="334" t="s">
        <v>51</v>
      </c>
      <c r="F14" s="335" t="s">
        <v>116</v>
      </c>
      <c r="G14" s="334" t="s">
        <v>47</v>
      </c>
      <c r="H14" s="336">
        <v>3</v>
      </c>
      <c r="I14" s="337" t="s">
        <v>52</v>
      </c>
      <c r="J14" s="119" t="s">
        <v>251</v>
      </c>
      <c r="L14" s="111" t="s">
        <v>8</v>
      </c>
      <c r="M14" s="127">
        <v>4</v>
      </c>
      <c r="N14" s="111" t="s">
        <v>9</v>
      </c>
      <c r="O14" s="127">
        <v>2</v>
      </c>
      <c r="P14" s="111" t="s">
        <v>10</v>
      </c>
      <c r="Q14" s="292">
        <v>1</v>
      </c>
      <c r="R14" s="111" t="s">
        <v>10</v>
      </c>
      <c r="S14" s="127">
        <v>7</v>
      </c>
    </row>
    <row r="15" spans="2:19">
      <c r="B15" s="113">
        <v>5</v>
      </c>
      <c r="C15" s="114">
        <v>46</v>
      </c>
      <c r="D15" s="331" t="s">
        <v>347</v>
      </c>
      <c r="E15" s="334" t="s">
        <v>51</v>
      </c>
      <c r="F15" s="335" t="s">
        <v>114</v>
      </c>
      <c r="G15" s="334" t="s">
        <v>47</v>
      </c>
      <c r="H15" s="336">
        <v>1</v>
      </c>
      <c r="I15" s="337" t="s">
        <v>52</v>
      </c>
      <c r="J15" s="119" t="s">
        <v>337</v>
      </c>
      <c r="L15" s="111" t="s">
        <v>8</v>
      </c>
      <c r="M15" s="127">
        <v>1</v>
      </c>
      <c r="N15" s="111" t="s">
        <v>9</v>
      </c>
      <c r="O15" s="127">
        <v>1</v>
      </c>
      <c r="P15" s="111" t="s">
        <v>10</v>
      </c>
      <c r="Q15" s="292">
        <v>59</v>
      </c>
      <c r="R15" s="111" t="s">
        <v>10</v>
      </c>
      <c r="S15" s="127">
        <v>1</v>
      </c>
    </row>
    <row r="16" spans="2:19">
      <c r="B16" s="113">
        <v>6</v>
      </c>
      <c r="C16" s="114">
        <v>111</v>
      </c>
      <c r="D16" s="325" t="s">
        <v>118</v>
      </c>
      <c r="E16" s="334" t="s">
        <v>51</v>
      </c>
      <c r="F16" s="335" t="s">
        <v>116</v>
      </c>
      <c r="G16" s="334" t="s">
        <v>47</v>
      </c>
      <c r="H16" s="336">
        <v>3</v>
      </c>
      <c r="I16" s="337" t="s">
        <v>52</v>
      </c>
      <c r="J16" s="119" t="s">
        <v>122</v>
      </c>
      <c r="L16" s="111" t="s">
        <v>8</v>
      </c>
      <c r="M16" s="127">
        <v>2</v>
      </c>
      <c r="N16" s="111" t="s">
        <v>9</v>
      </c>
      <c r="O16" s="127">
        <v>1</v>
      </c>
      <c r="P16" s="111" t="s">
        <v>10</v>
      </c>
      <c r="Q16" s="292">
        <v>59</v>
      </c>
      <c r="R16" s="111" t="s">
        <v>10</v>
      </c>
      <c r="S16" s="127">
        <v>7</v>
      </c>
    </row>
    <row r="17" spans="2:19">
      <c r="B17" s="113">
        <v>7</v>
      </c>
      <c r="C17" s="311"/>
      <c r="D17" s="212"/>
      <c r="E17" s="332"/>
      <c r="F17" s="335"/>
      <c r="G17" s="338"/>
      <c r="H17" s="335"/>
      <c r="I17" s="332"/>
      <c r="J17" s="119"/>
      <c r="L17" s="111" t="s">
        <v>8</v>
      </c>
      <c r="M17" s="127"/>
      <c r="N17" s="111" t="s">
        <v>9</v>
      </c>
      <c r="O17" s="127"/>
      <c r="P17" s="111" t="s">
        <v>10</v>
      </c>
      <c r="Q17" s="127"/>
      <c r="R17" s="111" t="s">
        <v>10</v>
      </c>
      <c r="S17" s="127"/>
    </row>
    <row r="18" spans="2:19" ht="14.25" customHeight="1">
      <c r="B18" s="113">
        <v>8</v>
      </c>
      <c r="C18" s="225"/>
      <c r="D18" s="103"/>
      <c r="E18" s="339"/>
      <c r="F18" s="339"/>
      <c r="G18" s="339"/>
      <c r="H18" s="340"/>
      <c r="I18" s="339"/>
      <c r="J18" s="297"/>
      <c r="L18" s="92"/>
      <c r="M18" s="92"/>
      <c r="N18" s="92"/>
      <c r="O18" s="92"/>
      <c r="P18" s="92"/>
      <c r="Q18" s="92"/>
      <c r="R18" s="92"/>
      <c r="S18" s="92"/>
    </row>
    <row r="19" spans="2:19" s="106" customFormat="1" ht="19.2" customHeight="1">
      <c r="B19" s="104" t="s">
        <v>20</v>
      </c>
      <c r="C19" s="107"/>
      <c r="D19" s="107"/>
      <c r="E19" s="108"/>
      <c r="F19" s="108"/>
      <c r="G19" s="108"/>
      <c r="H19" s="109"/>
      <c r="I19" s="108"/>
      <c r="J19" s="110"/>
      <c r="K19" s="110"/>
      <c r="L19" s="110"/>
      <c r="M19" s="110"/>
      <c r="N19" s="110"/>
      <c r="O19" s="110"/>
      <c r="P19" s="110"/>
      <c r="Q19" s="110"/>
      <c r="R19" s="110"/>
      <c r="S19" s="110"/>
    </row>
    <row r="20" spans="2:19" s="112" customFormat="1">
      <c r="B20" s="297" t="s">
        <v>1</v>
      </c>
      <c r="C20" s="103" t="s">
        <v>2</v>
      </c>
      <c r="D20" s="297" t="s">
        <v>3</v>
      </c>
      <c r="E20" s="438" t="s">
        <v>4</v>
      </c>
      <c r="F20" s="438"/>
      <c r="G20" s="438"/>
      <c r="H20" s="438"/>
      <c r="I20" s="438"/>
      <c r="J20" s="297" t="s">
        <v>100</v>
      </c>
      <c r="K20" s="92"/>
      <c r="L20" s="438" t="s">
        <v>5</v>
      </c>
      <c r="M20" s="438"/>
      <c r="N20" s="438"/>
      <c r="O20" s="438" t="s">
        <v>6</v>
      </c>
      <c r="P20" s="438"/>
      <c r="Q20" s="438"/>
      <c r="R20" s="438"/>
      <c r="S20" s="438"/>
    </row>
    <row r="21" spans="2:19">
      <c r="B21" s="113">
        <v>1</v>
      </c>
      <c r="C21" s="114"/>
      <c r="D21" s="115"/>
      <c r="E21" s="93"/>
      <c r="F21" s="116"/>
      <c r="G21" s="93"/>
      <c r="H21" s="116"/>
      <c r="I21" s="93"/>
      <c r="J21" s="117"/>
      <c r="L21" s="111" t="s">
        <v>8</v>
      </c>
      <c r="M21" s="127"/>
      <c r="N21" s="111" t="s">
        <v>9</v>
      </c>
      <c r="O21" s="127"/>
      <c r="P21" s="111" t="s">
        <v>10</v>
      </c>
      <c r="Q21" s="292"/>
      <c r="R21" s="111" t="s">
        <v>10</v>
      </c>
      <c r="S21" s="127"/>
    </row>
    <row r="22" spans="2:19">
      <c r="B22" s="113">
        <v>2</v>
      </c>
      <c r="C22" s="114">
        <v>19</v>
      </c>
      <c r="D22" s="343" t="s">
        <v>127</v>
      </c>
      <c r="E22" s="334" t="s">
        <v>51</v>
      </c>
      <c r="F22" s="335" t="s">
        <v>114</v>
      </c>
      <c r="G22" s="334" t="s">
        <v>47</v>
      </c>
      <c r="H22" s="336">
        <v>2</v>
      </c>
      <c r="I22" s="337" t="s">
        <v>52</v>
      </c>
      <c r="J22" s="117" t="s">
        <v>128</v>
      </c>
      <c r="L22" s="111" t="s">
        <v>8</v>
      </c>
      <c r="M22" s="127">
        <v>3</v>
      </c>
      <c r="N22" s="111" t="s">
        <v>9</v>
      </c>
      <c r="O22" s="127">
        <v>2</v>
      </c>
      <c r="P22" s="111" t="s">
        <v>10</v>
      </c>
      <c r="Q22" s="292">
        <v>7</v>
      </c>
      <c r="R22" s="111" t="s">
        <v>10</v>
      </c>
      <c r="S22" s="127">
        <v>8</v>
      </c>
    </row>
    <row r="23" spans="2:19">
      <c r="B23" s="287">
        <v>3</v>
      </c>
      <c r="C23" s="348">
        <v>23</v>
      </c>
      <c r="D23" s="342" t="s">
        <v>119</v>
      </c>
      <c r="E23" s="334" t="s">
        <v>51</v>
      </c>
      <c r="F23" s="335" t="s">
        <v>114</v>
      </c>
      <c r="G23" s="334" t="s">
        <v>47</v>
      </c>
      <c r="H23" s="336">
        <v>3</v>
      </c>
      <c r="I23" s="337" t="s">
        <v>52</v>
      </c>
      <c r="J23" s="117" t="s">
        <v>121</v>
      </c>
      <c r="L23" s="111" t="s">
        <v>8</v>
      </c>
      <c r="M23" s="127"/>
      <c r="N23" s="111" t="s">
        <v>9</v>
      </c>
      <c r="O23" s="127"/>
      <c r="P23" s="111"/>
      <c r="Q23" s="292" t="s">
        <v>275</v>
      </c>
      <c r="R23" s="111"/>
      <c r="S23" s="127"/>
    </row>
    <row r="24" spans="2:19">
      <c r="B24" s="287">
        <v>4</v>
      </c>
      <c r="C24" s="286">
        <v>46</v>
      </c>
      <c r="D24" s="343" t="s">
        <v>120</v>
      </c>
      <c r="E24" s="334" t="s">
        <v>51</v>
      </c>
      <c r="F24" s="335" t="s">
        <v>114</v>
      </c>
      <c r="G24" s="334" t="s">
        <v>47</v>
      </c>
      <c r="H24" s="336">
        <v>1</v>
      </c>
      <c r="I24" s="337" t="s">
        <v>52</v>
      </c>
      <c r="J24" s="117">
        <v>1.575</v>
      </c>
      <c r="L24" s="111" t="s">
        <v>8</v>
      </c>
      <c r="M24" s="127"/>
      <c r="N24" s="111" t="s">
        <v>9</v>
      </c>
      <c r="O24" s="127"/>
      <c r="P24" s="111"/>
      <c r="Q24" s="292" t="s">
        <v>348</v>
      </c>
      <c r="R24" s="111"/>
      <c r="S24" s="127"/>
    </row>
    <row r="25" spans="2:19">
      <c r="B25" s="113">
        <v>5</v>
      </c>
      <c r="C25" s="114">
        <v>304</v>
      </c>
      <c r="D25" s="344" t="s">
        <v>255</v>
      </c>
      <c r="E25" s="334" t="s">
        <v>51</v>
      </c>
      <c r="F25" s="335" t="s">
        <v>116</v>
      </c>
      <c r="G25" s="334" t="s">
        <v>47</v>
      </c>
      <c r="H25" s="336" t="s">
        <v>254</v>
      </c>
      <c r="I25" s="337" t="s">
        <v>52</v>
      </c>
      <c r="J25" s="361" t="s">
        <v>256</v>
      </c>
      <c r="L25" s="111" t="s">
        <v>8</v>
      </c>
      <c r="M25" s="127">
        <v>1</v>
      </c>
      <c r="N25" s="111" t="s">
        <v>9</v>
      </c>
      <c r="O25" s="127">
        <v>2</v>
      </c>
      <c r="P25" s="111" t="s">
        <v>10</v>
      </c>
      <c r="Q25" s="292">
        <v>1</v>
      </c>
      <c r="R25" s="111" t="s">
        <v>10</v>
      </c>
      <c r="S25" s="127">
        <v>1</v>
      </c>
    </row>
    <row r="26" spans="2:19">
      <c r="B26" s="113">
        <v>6</v>
      </c>
      <c r="C26" s="114">
        <v>28</v>
      </c>
      <c r="D26" s="344" t="s">
        <v>125</v>
      </c>
      <c r="E26" s="334" t="s">
        <v>51</v>
      </c>
      <c r="F26" s="335" t="s">
        <v>114</v>
      </c>
      <c r="G26" s="334" t="s">
        <v>47</v>
      </c>
      <c r="H26" s="336">
        <v>3</v>
      </c>
      <c r="I26" s="337" t="s">
        <v>52</v>
      </c>
      <c r="J26" s="119" t="s">
        <v>126</v>
      </c>
      <c r="L26" s="111" t="s">
        <v>8</v>
      </c>
      <c r="M26" s="127">
        <v>2</v>
      </c>
      <c r="N26" s="111" t="s">
        <v>9</v>
      </c>
      <c r="O26" s="127">
        <v>2</v>
      </c>
      <c r="P26" s="111" t="s">
        <v>10</v>
      </c>
      <c r="Q26" s="292">
        <v>7</v>
      </c>
      <c r="R26" s="111" t="s">
        <v>10</v>
      </c>
      <c r="S26" s="127">
        <v>2</v>
      </c>
    </row>
    <row r="27" spans="2:19">
      <c r="B27" s="113">
        <v>7</v>
      </c>
      <c r="C27" s="114">
        <v>118</v>
      </c>
      <c r="D27" s="341" t="s">
        <v>129</v>
      </c>
      <c r="E27" s="334" t="s">
        <v>51</v>
      </c>
      <c r="F27" s="335" t="s">
        <v>116</v>
      </c>
      <c r="G27" s="334" t="s">
        <v>47</v>
      </c>
      <c r="H27" s="336">
        <v>2</v>
      </c>
      <c r="I27" s="337" t="s">
        <v>52</v>
      </c>
      <c r="J27" s="117" t="s">
        <v>124</v>
      </c>
      <c r="L27" s="111" t="s">
        <v>8</v>
      </c>
      <c r="M27" s="127"/>
      <c r="N27" s="111" t="s">
        <v>9</v>
      </c>
      <c r="O27" s="127"/>
      <c r="P27" s="111"/>
      <c r="Q27" s="292" t="s">
        <v>275</v>
      </c>
      <c r="R27" s="111"/>
      <c r="S27" s="127"/>
    </row>
    <row r="28" spans="2:19">
      <c r="B28" s="102">
        <v>8</v>
      </c>
      <c r="C28" s="114"/>
      <c r="D28" s="115"/>
      <c r="E28" s="93"/>
      <c r="F28" s="116"/>
      <c r="G28" s="93"/>
      <c r="H28" s="116"/>
      <c r="I28" s="93"/>
      <c r="J28" s="117"/>
      <c r="L28" s="111" t="s">
        <v>8</v>
      </c>
      <c r="M28" s="127"/>
      <c r="N28" s="111" t="s">
        <v>9</v>
      </c>
      <c r="O28" s="127"/>
      <c r="P28" s="111" t="s">
        <v>10</v>
      </c>
      <c r="Q28" s="127"/>
      <c r="R28" s="111" t="s">
        <v>10</v>
      </c>
      <c r="S28" s="127"/>
    </row>
    <row r="29" spans="2:19">
      <c r="B29" s="57"/>
      <c r="C29" s="204"/>
      <c r="D29" s="204"/>
      <c r="E29" s="122"/>
      <c r="F29" s="204"/>
      <c r="G29" s="122"/>
      <c r="H29" s="204"/>
      <c r="I29" s="122"/>
      <c r="J29" s="211"/>
      <c r="L29" s="57"/>
      <c r="M29" s="57"/>
      <c r="N29" s="57"/>
      <c r="O29" s="57"/>
      <c r="P29" s="57"/>
      <c r="Q29" s="57"/>
      <c r="R29" s="57"/>
      <c r="S29" s="57"/>
    </row>
    <row r="30" spans="2:19" s="106" customFormat="1" ht="19.2" customHeight="1">
      <c r="B30" s="104" t="s">
        <v>58</v>
      </c>
      <c r="C30" s="107"/>
      <c r="D30" s="107"/>
      <c r="E30" s="108"/>
      <c r="F30" s="108"/>
      <c r="G30" s="108"/>
      <c r="H30" s="109"/>
      <c r="I30" s="108"/>
      <c r="J30" s="110"/>
      <c r="K30" s="110"/>
      <c r="L30" s="110"/>
      <c r="M30" s="110"/>
      <c r="N30" s="110"/>
      <c r="O30" s="110"/>
      <c r="P30" s="110"/>
      <c r="Q30" s="110"/>
      <c r="R30" s="110"/>
    </row>
    <row r="31" spans="2:19" s="112" customFormat="1">
      <c r="B31" s="297" t="s">
        <v>1</v>
      </c>
      <c r="C31" s="103" t="s">
        <v>2</v>
      </c>
      <c r="D31" s="297" t="s">
        <v>3</v>
      </c>
      <c r="E31" s="438" t="s">
        <v>4</v>
      </c>
      <c r="F31" s="438"/>
      <c r="G31" s="438"/>
      <c r="H31" s="438"/>
      <c r="I31" s="438"/>
      <c r="J31" s="297" t="s">
        <v>136</v>
      </c>
      <c r="K31" s="92"/>
      <c r="L31" s="438" t="s">
        <v>5</v>
      </c>
      <c r="M31" s="438"/>
      <c r="N31" s="438"/>
      <c r="O31" s="438" t="s">
        <v>6</v>
      </c>
      <c r="P31" s="438"/>
      <c r="Q31" s="438"/>
      <c r="R31" s="438"/>
      <c r="S31" s="438"/>
    </row>
    <row r="32" spans="2:19">
      <c r="B32" s="113">
        <v>1</v>
      </c>
      <c r="C32" s="114"/>
      <c r="D32" s="115"/>
      <c r="E32" s="93"/>
      <c r="F32" s="116"/>
      <c r="G32" s="93"/>
      <c r="H32" s="116"/>
      <c r="I32" s="93"/>
      <c r="J32" s="310"/>
      <c r="L32" s="102" t="s">
        <v>8</v>
      </c>
      <c r="M32" s="113"/>
      <c r="N32" s="102" t="s">
        <v>9</v>
      </c>
      <c r="O32" s="113"/>
      <c r="P32" s="102" t="s">
        <v>10</v>
      </c>
      <c r="Q32" s="113"/>
      <c r="R32" s="102" t="s">
        <v>10</v>
      </c>
      <c r="S32" s="113"/>
    </row>
    <row r="33" spans="2:20">
      <c r="B33" s="113">
        <v>2</v>
      </c>
      <c r="C33" s="114">
        <v>5</v>
      </c>
      <c r="D33" s="354" t="s">
        <v>349</v>
      </c>
      <c r="E33" s="334" t="s">
        <v>51</v>
      </c>
      <c r="F33" s="335" t="s">
        <v>114</v>
      </c>
      <c r="G33" s="334" t="s">
        <v>47</v>
      </c>
      <c r="H33" s="336">
        <v>2</v>
      </c>
      <c r="I33" s="337" t="s">
        <v>52</v>
      </c>
      <c r="J33" s="117" t="s">
        <v>337</v>
      </c>
      <c r="L33" s="102" t="s">
        <v>8</v>
      </c>
      <c r="M33" s="127">
        <v>5</v>
      </c>
      <c r="N33" s="102" t="s">
        <v>9</v>
      </c>
      <c r="O33" s="127">
        <v>2</v>
      </c>
      <c r="P33" s="102" t="s">
        <v>10</v>
      </c>
      <c r="Q33" s="127">
        <v>48</v>
      </c>
      <c r="R33" s="102" t="s">
        <v>10</v>
      </c>
      <c r="S33" s="127">
        <v>3</v>
      </c>
    </row>
    <row r="34" spans="2:20">
      <c r="B34" s="113">
        <v>3</v>
      </c>
      <c r="C34" s="114">
        <v>25</v>
      </c>
      <c r="D34" s="360" t="s">
        <v>130</v>
      </c>
      <c r="E34" s="334" t="s">
        <v>51</v>
      </c>
      <c r="F34" s="335" t="s">
        <v>114</v>
      </c>
      <c r="G34" s="334" t="s">
        <v>47</v>
      </c>
      <c r="H34" s="336">
        <v>3</v>
      </c>
      <c r="I34" s="337" t="s">
        <v>52</v>
      </c>
      <c r="J34" s="117" t="s">
        <v>137</v>
      </c>
      <c r="L34" s="102" t="s">
        <v>8</v>
      </c>
      <c r="M34" s="127">
        <v>3</v>
      </c>
      <c r="N34" s="102" t="s">
        <v>9</v>
      </c>
      <c r="O34" s="127">
        <v>2</v>
      </c>
      <c r="P34" s="102" t="s">
        <v>10</v>
      </c>
      <c r="Q34" s="127">
        <v>34</v>
      </c>
      <c r="R34" s="102" t="s">
        <v>10</v>
      </c>
      <c r="S34" s="127">
        <v>9</v>
      </c>
    </row>
    <row r="35" spans="2:20">
      <c r="B35" s="113">
        <v>4</v>
      </c>
      <c r="C35" s="114">
        <v>7</v>
      </c>
      <c r="D35" s="355" t="s">
        <v>133</v>
      </c>
      <c r="E35" s="334" t="s">
        <v>51</v>
      </c>
      <c r="F35" s="335" t="s">
        <v>134</v>
      </c>
      <c r="G35" s="334" t="s">
        <v>47</v>
      </c>
      <c r="H35" s="336">
        <v>2</v>
      </c>
      <c r="I35" s="337" t="s">
        <v>52</v>
      </c>
      <c r="J35" s="119" t="s">
        <v>138</v>
      </c>
      <c r="L35" s="102" t="s">
        <v>8</v>
      </c>
      <c r="M35" s="127">
        <v>2</v>
      </c>
      <c r="N35" s="102" t="s">
        <v>9</v>
      </c>
      <c r="O35" s="127">
        <v>2</v>
      </c>
      <c r="P35" s="102" t="s">
        <v>10</v>
      </c>
      <c r="Q35" s="127">
        <v>19</v>
      </c>
      <c r="R35" s="102" t="s">
        <v>10</v>
      </c>
      <c r="S35" s="127">
        <v>6</v>
      </c>
    </row>
    <row r="36" spans="2:20">
      <c r="B36" s="113">
        <v>5</v>
      </c>
      <c r="C36" s="114">
        <v>109</v>
      </c>
      <c r="D36" s="341" t="s">
        <v>123</v>
      </c>
      <c r="E36" s="334" t="s">
        <v>51</v>
      </c>
      <c r="F36" s="335" t="s">
        <v>116</v>
      </c>
      <c r="G36" s="334" t="s">
        <v>47</v>
      </c>
      <c r="H36" s="336">
        <v>3</v>
      </c>
      <c r="I36" s="337" t="s">
        <v>52</v>
      </c>
      <c r="J36" s="117" t="s">
        <v>124</v>
      </c>
      <c r="L36" s="102" t="s">
        <v>8</v>
      </c>
      <c r="M36" s="127">
        <v>1</v>
      </c>
      <c r="N36" s="102" t="s">
        <v>9</v>
      </c>
      <c r="O36" s="127">
        <v>2</v>
      </c>
      <c r="P36" s="102" t="s">
        <v>10</v>
      </c>
      <c r="Q36" s="127">
        <v>13</v>
      </c>
      <c r="R36" s="102" t="s">
        <v>10</v>
      </c>
      <c r="S36" s="127">
        <v>9</v>
      </c>
    </row>
    <row r="37" spans="2:20">
      <c r="B37" s="113">
        <v>6</v>
      </c>
      <c r="C37" s="114">
        <v>22</v>
      </c>
      <c r="D37" s="355" t="s">
        <v>132</v>
      </c>
      <c r="E37" s="334" t="s">
        <v>51</v>
      </c>
      <c r="F37" s="335" t="s">
        <v>114</v>
      </c>
      <c r="G37" s="334" t="s">
        <v>47</v>
      </c>
      <c r="H37" s="336">
        <v>3</v>
      </c>
      <c r="I37" s="337" t="s">
        <v>52</v>
      </c>
      <c r="J37" s="359" t="s">
        <v>139</v>
      </c>
      <c r="L37" s="102" t="s">
        <v>8</v>
      </c>
      <c r="M37" s="127">
        <v>4</v>
      </c>
      <c r="N37" s="102" t="s">
        <v>9</v>
      </c>
      <c r="O37" s="127">
        <v>2</v>
      </c>
      <c r="P37" s="102" t="s">
        <v>10</v>
      </c>
      <c r="Q37" s="127">
        <v>39</v>
      </c>
      <c r="R37" s="102" t="s">
        <v>10</v>
      </c>
      <c r="S37" s="127">
        <v>4</v>
      </c>
    </row>
    <row r="38" spans="2:20">
      <c r="B38" s="113">
        <v>7</v>
      </c>
      <c r="C38" s="121">
        <v>4</v>
      </c>
      <c r="D38" s="354" t="s">
        <v>131</v>
      </c>
      <c r="E38" s="334" t="s">
        <v>51</v>
      </c>
      <c r="F38" s="335" t="s">
        <v>114</v>
      </c>
      <c r="G38" s="334" t="s">
        <v>47</v>
      </c>
      <c r="H38" s="336">
        <v>2</v>
      </c>
      <c r="I38" s="337" t="s">
        <v>52</v>
      </c>
      <c r="J38" s="117" t="s">
        <v>140</v>
      </c>
      <c r="L38" s="102" t="s">
        <v>8</v>
      </c>
      <c r="M38" s="127">
        <v>6</v>
      </c>
      <c r="N38" s="102" t="s">
        <v>9</v>
      </c>
      <c r="O38" s="127">
        <v>2</v>
      </c>
      <c r="P38" s="102" t="s">
        <v>10</v>
      </c>
      <c r="Q38" s="127">
        <v>56</v>
      </c>
      <c r="R38" s="102" t="s">
        <v>10</v>
      </c>
      <c r="S38" s="127">
        <v>9</v>
      </c>
    </row>
    <row r="39" spans="2:20" ht="14.25" customHeight="1">
      <c r="B39" s="113">
        <v>8</v>
      </c>
      <c r="C39" s="114"/>
      <c r="D39" s="355"/>
      <c r="E39" s="334"/>
      <c r="F39" s="335"/>
      <c r="G39" s="334"/>
      <c r="H39" s="336"/>
      <c r="I39" s="334"/>
      <c r="J39" s="359"/>
      <c r="L39" s="102" t="s">
        <v>8</v>
      </c>
      <c r="M39" s="113"/>
      <c r="N39" s="102" t="s">
        <v>9</v>
      </c>
      <c r="O39" s="113"/>
      <c r="P39" s="102" t="s">
        <v>10</v>
      </c>
      <c r="Q39" s="113"/>
      <c r="R39" s="102" t="s">
        <v>10</v>
      </c>
      <c r="S39" s="113"/>
    </row>
    <row r="40" spans="2:20" ht="14.25" customHeight="1">
      <c r="B40" s="57"/>
      <c r="C40" s="204"/>
      <c r="D40" s="204"/>
      <c r="E40" s="122"/>
      <c r="F40" s="204"/>
      <c r="G40" s="122"/>
      <c r="H40" s="204"/>
      <c r="I40" s="122"/>
      <c r="J40" s="211"/>
      <c r="L40" s="57"/>
      <c r="M40" s="57"/>
      <c r="N40" s="57"/>
      <c r="O40" s="57"/>
      <c r="P40" s="57"/>
      <c r="Q40" s="57"/>
      <c r="R40" s="57"/>
      <c r="S40" s="57"/>
    </row>
    <row r="41" spans="2:20" s="106" customFormat="1" ht="19.2" customHeight="1">
      <c r="B41" s="104" t="s">
        <v>48</v>
      </c>
      <c r="C41" s="107"/>
      <c r="D41" s="107"/>
      <c r="E41" s="108"/>
      <c r="F41" s="108"/>
      <c r="G41" s="108"/>
      <c r="H41" s="109"/>
      <c r="I41" s="108"/>
      <c r="J41" s="110"/>
      <c r="K41" s="110"/>
      <c r="L41" s="110"/>
      <c r="M41" s="110"/>
      <c r="N41" s="110"/>
      <c r="O41" s="110"/>
      <c r="P41" s="110"/>
      <c r="Q41" s="110"/>
      <c r="R41" s="110"/>
    </row>
    <row r="42" spans="2:20" s="112" customFormat="1" ht="13.5" customHeight="1">
      <c r="B42" s="111" t="s">
        <v>1</v>
      </c>
      <c r="C42" s="103" t="s">
        <v>2</v>
      </c>
      <c r="D42" s="111" t="s">
        <v>3</v>
      </c>
      <c r="E42" s="438" t="s">
        <v>4</v>
      </c>
      <c r="F42" s="438"/>
      <c r="G42" s="438"/>
      <c r="H42" s="438"/>
      <c r="I42" s="438"/>
      <c r="J42" s="111" t="s">
        <v>136</v>
      </c>
      <c r="K42" s="92"/>
      <c r="L42" s="438" t="s">
        <v>5</v>
      </c>
      <c r="M42" s="438"/>
      <c r="N42" s="438"/>
      <c r="O42" s="438" t="s">
        <v>6</v>
      </c>
      <c r="P42" s="438"/>
      <c r="Q42" s="438"/>
      <c r="R42" s="438"/>
      <c r="S42" s="438"/>
      <c r="T42" s="106"/>
    </row>
    <row r="43" spans="2:20">
      <c r="B43" s="113">
        <v>1</v>
      </c>
      <c r="C43" s="114"/>
      <c r="D43" s="115"/>
      <c r="E43" s="93"/>
      <c r="F43" s="116"/>
      <c r="G43" s="93"/>
      <c r="H43" s="116"/>
      <c r="I43" s="93"/>
      <c r="J43" s="123"/>
      <c r="K43" s="57"/>
      <c r="L43" s="102" t="s">
        <v>8</v>
      </c>
      <c r="M43" s="113"/>
      <c r="N43" s="102" t="s">
        <v>9</v>
      </c>
      <c r="O43" s="113"/>
      <c r="P43" s="102" t="s">
        <v>10</v>
      </c>
      <c r="Q43" s="113"/>
      <c r="R43" s="102" t="s">
        <v>10</v>
      </c>
      <c r="S43" s="113"/>
    </row>
    <row r="44" spans="2:20">
      <c r="B44" s="113">
        <v>2</v>
      </c>
      <c r="C44" s="114">
        <v>309</v>
      </c>
      <c r="D44" s="355" t="s">
        <v>353</v>
      </c>
      <c r="E44" s="334" t="s">
        <v>51</v>
      </c>
      <c r="F44" s="335" t="s">
        <v>116</v>
      </c>
      <c r="G44" s="334" t="s">
        <v>47</v>
      </c>
      <c r="H44" s="336" t="s">
        <v>298</v>
      </c>
      <c r="I44" s="337" t="s">
        <v>52</v>
      </c>
      <c r="J44" s="117" t="s">
        <v>337</v>
      </c>
      <c r="K44" s="57"/>
      <c r="L44" s="102" t="s">
        <v>8</v>
      </c>
      <c r="M44" s="127">
        <v>2</v>
      </c>
      <c r="N44" s="102" t="s">
        <v>9</v>
      </c>
      <c r="O44" s="127">
        <v>2</v>
      </c>
      <c r="P44" s="102" t="s">
        <v>10</v>
      </c>
      <c r="Q44" s="127">
        <v>13</v>
      </c>
      <c r="R44" s="102" t="s">
        <v>10</v>
      </c>
      <c r="S44" s="127">
        <v>8</v>
      </c>
    </row>
    <row r="45" spans="2:20">
      <c r="B45" s="113">
        <v>3</v>
      </c>
      <c r="C45" s="114">
        <v>206</v>
      </c>
      <c r="D45" s="355" t="s">
        <v>354</v>
      </c>
      <c r="E45" s="334" t="s">
        <v>51</v>
      </c>
      <c r="F45" s="335" t="s">
        <v>114</v>
      </c>
      <c r="G45" s="334" t="s">
        <v>47</v>
      </c>
      <c r="H45" s="336" t="s">
        <v>350</v>
      </c>
      <c r="I45" s="337" t="s">
        <v>52</v>
      </c>
      <c r="J45" s="49" t="s">
        <v>337</v>
      </c>
      <c r="K45" s="57"/>
      <c r="L45" s="102" t="s">
        <v>8</v>
      </c>
      <c r="M45" s="127">
        <v>1</v>
      </c>
      <c r="N45" s="102" t="s">
        <v>9</v>
      </c>
      <c r="O45" s="127">
        <v>2</v>
      </c>
      <c r="P45" s="102" t="s">
        <v>10</v>
      </c>
      <c r="Q45" s="127">
        <v>1</v>
      </c>
      <c r="R45" s="102" t="s">
        <v>10</v>
      </c>
      <c r="S45" s="127">
        <v>9</v>
      </c>
    </row>
    <row r="46" spans="2:20">
      <c r="B46" s="113">
        <v>4</v>
      </c>
      <c r="C46" s="114">
        <v>27</v>
      </c>
      <c r="D46" s="355" t="s">
        <v>355</v>
      </c>
      <c r="E46" s="334" t="s">
        <v>51</v>
      </c>
      <c r="F46" s="335" t="s">
        <v>114</v>
      </c>
      <c r="G46" s="334" t="s">
        <v>47</v>
      </c>
      <c r="H46" s="336">
        <v>3</v>
      </c>
      <c r="I46" s="337" t="s">
        <v>52</v>
      </c>
      <c r="J46" s="119" t="s">
        <v>352</v>
      </c>
      <c r="K46" s="57"/>
      <c r="L46" s="102" t="s">
        <v>8</v>
      </c>
      <c r="M46" s="127"/>
      <c r="N46" s="102" t="s">
        <v>9</v>
      </c>
      <c r="O46" s="127"/>
      <c r="P46" s="102"/>
      <c r="Q46" s="127" t="s">
        <v>359</v>
      </c>
      <c r="R46" s="102"/>
      <c r="S46" s="127"/>
    </row>
    <row r="47" spans="2:20">
      <c r="B47" s="113">
        <v>5</v>
      </c>
      <c r="C47" s="114">
        <v>43</v>
      </c>
      <c r="D47" s="355" t="s">
        <v>356</v>
      </c>
      <c r="E47" s="334" t="s">
        <v>51</v>
      </c>
      <c r="F47" s="335" t="s">
        <v>114</v>
      </c>
      <c r="G47" s="334" t="s">
        <v>47</v>
      </c>
      <c r="H47" s="336">
        <v>4</v>
      </c>
      <c r="I47" s="337" t="s">
        <v>52</v>
      </c>
      <c r="J47" s="123" t="s">
        <v>337</v>
      </c>
      <c r="K47" s="57"/>
      <c r="L47" s="102" t="s">
        <v>8</v>
      </c>
      <c r="M47" s="127"/>
      <c r="N47" s="102" t="s">
        <v>9</v>
      </c>
      <c r="O47" s="127"/>
      <c r="P47" s="102"/>
      <c r="Q47" s="127" t="s">
        <v>360</v>
      </c>
      <c r="R47" s="102"/>
      <c r="S47" s="127"/>
    </row>
    <row r="48" spans="2:20">
      <c r="B48" s="113">
        <v>6</v>
      </c>
      <c r="C48" s="121">
        <v>55</v>
      </c>
      <c r="D48" s="355" t="s">
        <v>357</v>
      </c>
      <c r="E48" s="334" t="s">
        <v>51</v>
      </c>
      <c r="F48" s="335" t="s">
        <v>114</v>
      </c>
      <c r="G48" s="334" t="s">
        <v>47</v>
      </c>
      <c r="H48" s="336">
        <v>1</v>
      </c>
      <c r="I48" s="337" t="s">
        <v>52</v>
      </c>
      <c r="J48" s="393" t="s">
        <v>337</v>
      </c>
      <c r="K48" s="57"/>
      <c r="L48" s="102" t="s">
        <v>8</v>
      </c>
      <c r="M48" s="127">
        <v>3</v>
      </c>
      <c r="N48" s="102" t="s">
        <v>9</v>
      </c>
      <c r="O48" s="127">
        <v>2</v>
      </c>
      <c r="P48" s="102" t="s">
        <v>10</v>
      </c>
      <c r="Q48" s="127">
        <v>23</v>
      </c>
      <c r="R48" s="102" t="s">
        <v>10</v>
      </c>
      <c r="S48" s="127">
        <v>8</v>
      </c>
    </row>
    <row r="49" spans="2:19">
      <c r="B49" s="113">
        <v>7</v>
      </c>
      <c r="C49" s="114">
        <v>211</v>
      </c>
      <c r="D49" s="355" t="s">
        <v>358</v>
      </c>
      <c r="E49" s="334" t="s">
        <v>51</v>
      </c>
      <c r="F49" s="335" t="s">
        <v>114</v>
      </c>
      <c r="G49" s="334" t="s">
        <v>47</v>
      </c>
      <c r="H49" s="336" t="s">
        <v>351</v>
      </c>
      <c r="I49" s="337" t="s">
        <v>52</v>
      </c>
      <c r="J49" s="393" t="s">
        <v>337</v>
      </c>
      <c r="K49" s="57"/>
      <c r="L49" s="102" t="s">
        <v>8</v>
      </c>
      <c r="M49" s="127">
        <v>4</v>
      </c>
      <c r="N49" s="102" t="s">
        <v>9</v>
      </c>
      <c r="O49" s="127">
        <v>2</v>
      </c>
      <c r="P49" s="102" t="s">
        <v>10</v>
      </c>
      <c r="Q49" s="127">
        <v>25</v>
      </c>
      <c r="R49" s="102" t="s">
        <v>10</v>
      </c>
      <c r="S49" s="127">
        <v>4</v>
      </c>
    </row>
    <row r="50" spans="2:19">
      <c r="B50" s="113">
        <v>8</v>
      </c>
      <c r="C50" s="114"/>
      <c r="D50" s="115"/>
      <c r="E50" s="93"/>
      <c r="F50" s="116"/>
      <c r="G50" s="93"/>
      <c r="H50" s="116"/>
      <c r="I50" s="93"/>
      <c r="J50" s="117"/>
      <c r="L50" s="102" t="s">
        <v>8</v>
      </c>
      <c r="M50" s="113"/>
      <c r="N50" s="102" t="s">
        <v>9</v>
      </c>
      <c r="O50" s="113"/>
      <c r="P50" s="102" t="s">
        <v>10</v>
      </c>
      <c r="Q50" s="113"/>
      <c r="R50" s="102" t="s">
        <v>10</v>
      </c>
      <c r="S50" s="113"/>
    </row>
    <row r="51" spans="2:19">
      <c r="B51" s="57"/>
      <c r="C51" s="204"/>
      <c r="D51" s="204"/>
      <c r="E51" s="122"/>
      <c r="F51" s="204"/>
      <c r="G51" s="122"/>
      <c r="H51" s="204"/>
      <c r="I51" s="122"/>
      <c r="J51" s="211"/>
      <c r="L51" s="57"/>
      <c r="M51" s="57"/>
      <c r="N51" s="57"/>
      <c r="O51" s="57"/>
      <c r="P51" s="57"/>
      <c r="Q51" s="57"/>
      <c r="R51" s="57"/>
      <c r="S51" s="57"/>
    </row>
    <row r="52" spans="2:19">
      <c r="B52" s="57"/>
      <c r="C52" s="204"/>
      <c r="D52" s="204"/>
      <c r="E52" s="122"/>
      <c r="F52" s="204"/>
      <c r="G52" s="122"/>
      <c r="H52" s="204"/>
      <c r="I52" s="122"/>
      <c r="J52" s="211"/>
      <c r="L52" s="57"/>
      <c r="M52" s="57"/>
      <c r="N52" s="57"/>
      <c r="O52" s="57"/>
      <c r="P52" s="57"/>
      <c r="Q52" s="57"/>
      <c r="R52" s="57"/>
      <c r="S52" s="57"/>
    </row>
    <row r="53" spans="2:19">
      <c r="B53" s="57"/>
      <c r="C53" s="204"/>
      <c r="D53" s="204"/>
      <c r="E53" s="122"/>
      <c r="F53" s="204"/>
      <c r="G53" s="122"/>
      <c r="H53" s="204"/>
      <c r="I53" s="122"/>
      <c r="J53" s="211"/>
      <c r="L53" s="57"/>
      <c r="M53" s="57"/>
      <c r="N53" s="57"/>
      <c r="O53" s="57"/>
      <c r="P53" s="57"/>
      <c r="Q53" s="57"/>
      <c r="R53" s="57"/>
      <c r="S53" s="57"/>
    </row>
    <row r="54" spans="2:19">
      <c r="B54" s="57"/>
      <c r="C54" s="204"/>
      <c r="D54" s="204"/>
      <c r="E54" s="122"/>
      <c r="F54" s="204"/>
      <c r="G54" s="122"/>
      <c r="H54" s="204"/>
      <c r="I54" s="122"/>
      <c r="J54" s="211"/>
      <c r="L54" s="57"/>
      <c r="M54" s="57"/>
      <c r="N54" s="57"/>
      <c r="O54" s="57"/>
      <c r="P54" s="57"/>
      <c r="Q54" s="57"/>
      <c r="R54" s="57"/>
      <c r="S54" s="57"/>
    </row>
    <row r="55" spans="2:19">
      <c r="B55" s="57"/>
      <c r="C55" s="204"/>
      <c r="D55" s="204"/>
      <c r="E55" s="122"/>
      <c r="F55" s="204"/>
      <c r="G55" s="122"/>
      <c r="H55" s="204"/>
      <c r="I55" s="122"/>
      <c r="J55" s="211"/>
      <c r="L55" s="57"/>
      <c r="M55" s="57"/>
      <c r="N55" s="57"/>
      <c r="O55" s="57"/>
      <c r="P55" s="57"/>
      <c r="Q55" s="57"/>
      <c r="R55" s="57"/>
      <c r="S55" s="57"/>
    </row>
    <row r="56" spans="2:19">
      <c r="B56" s="57"/>
      <c r="C56" s="204"/>
      <c r="D56" s="204"/>
      <c r="E56" s="122"/>
      <c r="F56" s="204"/>
      <c r="G56" s="122"/>
      <c r="H56" s="204"/>
      <c r="I56" s="122"/>
      <c r="J56" s="211"/>
      <c r="L56" s="57"/>
      <c r="M56" s="57"/>
      <c r="N56" s="57"/>
      <c r="O56" s="57"/>
      <c r="P56" s="57"/>
      <c r="Q56" s="57"/>
      <c r="R56" s="57"/>
      <c r="S56" s="57"/>
    </row>
    <row r="57" spans="2:19">
      <c r="B57" s="57"/>
      <c r="C57" s="204"/>
      <c r="D57" s="204"/>
      <c r="E57" s="122"/>
      <c r="F57" s="204"/>
      <c r="G57" s="122"/>
      <c r="H57" s="204"/>
      <c r="I57" s="122"/>
      <c r="J57" s="211"/>
      <c r="L57" s="57"/>
      <c r="M57" s="57"/>
      <c r="N57" s="57"/>
      <c r="O57" s="57"/>
      <c r="P57" s="57"/>
      <c r="Q57" s="57"/>
      <c r="R57" s="57"/>
      <c r="S57" s="57"/>
    </row>
    <row r="58" spans="2:19">
      <c r="C58" s="97"/>
      <c r="D58" s="97"/>
      <c r="E58" s="99"/>
      <c r="F58" s="99"/>
      <c r="G58" s="99"/>
      <c r="I58" s="99"/>
      <c r="J58" s="97"/>
    </row>
    <row r="59" spans="2:19">
      <c r="C59" s="97"/>
      <c r="D59" s="97"/>
      <c r="E59" s="99"/>
      <c r="F59" s="99"/>
      <c r="G59" s="99"/>
      <c r="I59" s="99"/>
      <c r="J59" s="97"/>
    </row>
    <row r="60" spans="2:19">
      <c r="C60" s="97"/>
      <c r="D60" s="97"/>
      <c r="E60" s="99"/>
      <c r="F60" s="99"/>
      <c r="G60" s="99"/>
      <c r="I60" s="99"/>
      <c r="J60" s="97"/>
    </row>
    <row r="61" spans="2:19">
      <c r="C61" s="97"/>
      <c r="D61" s="97"/>
      <c r="E61" s="99"/>
      <c r="F61" s="99"/>
      <c r="G61" s="99"/>
      <c r="I61" s="99"/>
      <c r="J61" s="97"/>
    </row>
    <row r="62" spans="2:19">
      <c r="C62" s="97"/>
      <c r="D62" s="97"/>
      <c r="E62" s="99"/>
      <c r="F62" s="99"/>
      <c r="G62" s="99"/>
      <c r="I62" s="99"/>
      <c r="J62" s="97"/>
    </row>
    <row r="63" spans="2:19">
      <c r="C63" s="97"/>
      <c r="D63" s="97"/>
      <c r="E63" s="99"/>
      <c r="F63" s="99"/>
      <c r="G63" s="99"/>
      <c r="I63" s="99"/>
      <c r="J63" s="97"/>
    </row>
    <row r="64" spans="2:19">
      <c r="C64" s="97"/>
      <c r="D64" s="97"/>
      <c r="E64" s="99"/>
      <c r="F64" s="99"/>
      <c r="G64" s="99"/>
      <c r="I64" s="99"/>
      <c r="J64" s="97"/>
    </row>
    <row r="65" spans="3:10">
      <c r="C65" s="97"/>
      <c r="D65" s="97"/>
      <c r="E65" s="99"/>
      <c r="F65" s="99"/>
      <c r="G65" s="99"/>
      <c r="I65" s="99"/>
      <c r="J65" s="97"/>
    </row>
    <row r="66" spans="3:10">
      <c r="C66" s="97"/>
      <c r="D66" s="97"/>
      <c r="E66" s="99"/>
      <c r="F66" s="99"/>
      <c r="G66" s="99"/>
      <c r="I66" s="99"/>
      <c r="J66" s="97"/>
    </row>
    <row r="67" spans="3:10">
      <c r="C67" s="97"/>
      <c r="D67" s="97"/>
      <c r="E67" s="99"/>
      <c r="F67" s="99"/>
      <c r="G67" s="99"/>
      <c r="I67" s="99"/>
      <c r="J67" s="97"/>
    </row>
    <row r="68" spans="3:10">
      <c r="C68" s="97"/>
      <c r="D68" s="97"/>
      <c r="E68" s="99"/>
      <c r="F68" s="99"/>
      <c r="G68" s="99"/>
      <c r="I68" s="99"/>
      <c r="J68" s="97"/>
    </row>
    <row r="69" spans="3:10">
      <c r="C69" s="97"/>
      <c r="D69" s="97"/>
      <c r="E69" s="99"/>
      <c r="F69" s="99"/>
      <c r="G69" s="99"/>
      <c r="I69" s="99"/>
      <c r="J69" s="97"/>
    </row>
    <row r="70" spans="3:10">
      <c r="C70" s="97"/>
      <c r="D70" s="97"/>
      <c r="E70" s="99"/>
      <c r="F70" s="99"/>
      <c r="G70" s="99"/>
      <c r="I70" s="99"/>
      <c r="J70" s="97"/>
    </row>
    <row r="71" spans="3:10">
      <c r="C71" s="97"/>
      <c r="D71" s="97"/>
      <c r="E71" s="99"/>
      <c r="F71" s="99"/>
      <c r="G71" s="99"/>
      <c r="I71" s="99"/>
      <c r="J71" s="97"/>
    </row>
    <row r="72" spans="3:10">
      <c r="C72" s="97"/>
      <c r="D72" s="97"/>
      <c r="E72" s="99"/>
      <c r="F72" s="99"/>
      <c r="G72" s="99"/>
      <c r="I72" s="99"/>
      <c r="J72" s="97"/>
    </row>
    <row r="73" spans="3:10">
      <c r="C73" s="97"/>
      <c r="D73" s="97"/>
      <c r="E73" s="99"/>
      <c r="F73" s="99"/>
      <c r="G73" s="99"/>
      <c r="I73" s="99"/>
      <c r="J73" s="97"/>
    </row>
    <row r="74" spans="3:10">
      <c r="C74" s="97"/>
      <c r="D74" s="97"/>
      <c r="E74" s="99"/>
      <c r="F74" s="99"/>
      <c r="G74" s="99"/>
      <c r="I74" s="99"/>
      <c r="J74" s="97"/>
    </row>
    <row r="75" spans="3:10">
      <c r="C75" s="97"/>
      <c r="D75" s="97"/>
      <c r="E75" s="99"/>
      <c r="F75" s="99"/>
      <c r="G75" s="99"/>
      <c r="I75" s="99"/>
      <c r="J75" s="97"/>
    </row>
    <row r="76" spans="3:10">
      <c r="C76" s="97"/>
      <c r="D76" s="97"/>
      <c r="E76" s="99"/>
      <c r="F76" s="99"/>
      <c r="G76" s="99"/>
      <c r="I76" s="99"/>
      <c r="J76" s="97"/>
    </row>
    <row r="77" spans="3:10">
      <c r="C77" s="97"/>
      <c r="D77" s="97"/>
      <c r="E77" s="99"/>
      <c r="F77" s="99"/>
      <c r="G77" s="99"/>
      <c r="I77" s="99"/>
      <c r="J77" s="97"/>
    </row>
    <row r="78" spans="3:10">
      <c r="C78" s="97"/>
      <c r="D78" s="97"/>
      <c r="E78" s="99"/>
      <c r="F78" s="99"/>
      <c r="G78" s="99"/>
      <c r="I78" s="99"/>
      <c r="J78" s="97"/>
    </row>
    <row r="79" spans="3:10">
      <c r="C79" s="97"/>
      <c r="D79" s="97"/>
      <c r="E79" s="99"/>
      <c r="F79" s="99"/>
      <c r="G79" s="99"/>
      <c r="I79" s="99"/>
      <c r="J79" s="97"/>
    </row>
    <row r="80" spans="3:10">
      <c r="C80" s="97"/>
      <c r="D80" s="97"/>
      <c r="E80" s="99"/>
      <c r="F80" s="99"/>
      <c r="G80" s="99"/>
      <c r="I80" s="99"/>
      <c r="J80" s="97"/>
    </row>
    <row r="81" spans="3:10">
      <c r="C81" s="97"/>
      <c r="D81" s="97"/>
      <c r="E81" s="99"/>
      <c r="F81" s="99"/>
      <c r="G81" s="99"/>
      <c r="I81" s="99"/>
      <c r="J81" s="97"/>
    </row>
    <row r="82" spans="3:10">
      <c r="C82" s="97"/>
      <c r="D82" s="97"/>
      <c r="E82" s="99"/>
      <c r="F82" s="99"/>
      <c r="G82" s="99"/>
      <c r="I82" s="99"/>
      <c r="J82" s="97"/>
    </row>
    <row r="83" spans="3:10">
      <c r="C83" s="97"/>
      <c r="D83" s="97"/>
      <c r="E83" s="99"/>
      <c r="F83" s="99"/>
      <c r="G83" s="99"/>
      <c r="I83" s="99"/>
      <c r="J83" s="97"/>
    </row>
    <row r="84" spans="3:10">
      <c r="C84" s="97"/>
      <c r="D84" s="97"/>
      <c r="E84" s="99"/>
      <c r="F84" s="99"/>
      <c r="G84" s="99"/>
      <c r="I84" s="99"/>
      <c r="J84" s="97"/>
    </row>
    <row r="85" spans="3:10">
      <c r="C85" s="97"/>
      <c r="D85" s="97"/>
      <c r="E85" s="99"/>
      <c r="F85" s="99"/>
      <c r="G85" s="99"/>
      <c r="I85" s="99"/>
      <c r="J85" s="97"/>
    </row>
    <row r="86" spans="3:10">
      <c r="C86" s="97"/>
      <c r="D86" s="97"/>
      <c r="E86" s="99"/>
      <c r="F86" s="99"/>
      <c r="G86" s="99"/>
      <c r="I86" s="99"/>
      <c r="J86" s="97"/>
    </row>
    <row r="87" spans="3:10">
      <c r="C87" s="97"/>
      <c r="D87" s="97"/>
      <c r="E87" s="99"/>
      <c r="F87" s="99"/>
      <c r="G87" s="99"/>
      <c r="I87" s="99"/>
      <c r="J87" s="97"/>
    </row>
    <row r="88" spans="3:10">
      <c r="C88" s="97"/>
      <c r="D88" s="97"/>
      <c r="E88" s="99"/>
      <c r="F88" s="99"/>
      <c r="G88" s="99"/>
      <c r="I88" s="99"/>
      <c r="J88" s="97"/>
    </row>
    <row r="89" spans="3:10">
      <c r="C89" s="97"/>
      <c r="D89" s="97"/>
      <c r="E89" s="99"/>
      <c r="F89" s="99"/>
      <c r="G89" s="99"/>
      <c r="I89" s="99"/>
      <c r="J89" s="97"/>
    </row>
    <row r="90" spans="3:10">
      <c r="C90" s="97"/>
      <c r="D90" s="97"/>
      <c r="E90" s="99"/>
      <c r="F90" s="99"/>
      <c r="G90" s="99"/>
      <c r="I90" s="99"/>
      <c r="J90" s="97"/>
    </row>
    <row r="91" spans="3:10">
      <c r="C91" s="97"/>
      <c r="D91" s="97"/>
      <c r="E91" s="99"/>
      <c r="F91" s="99"/>
      <c r="G91" s="99"/>
      <c r="I91" s="99"/>
      <c r="J91" s="97"/>
    </row>
  </sheetData>
  <mergeCells count="15">
    <mergeCell ref="E42:I42"/>
    <mergeCell ref="L42:N42"/>
    <mergeCell ref="O42:S42"/>
    <mergeCell ref="O31:S31"/>
    <mergeCell ref="B7:S7"/>
    <mergeCell ref="L10:N10"/>
    <mergeCell ref="O10:S10"/>
    <mergeCell ref="L20:N20"/>
    <mergeCell ref="O20:S20"/>
    <mergeCell ref="E20:I20"/>
    <mergeCell ref="B1:E5"/>
    <mergeCell ref="F5:H5"/>
    <mergeCell ref="F4:H4"/>
    <mergeCell ref="E31:I31"/>
    <mergeCell ref="L31:N31"/>
  </mergeCells>
  <phoneticPr fontId="33"/>
  <dataValidations count="1">
    <dataValidation imeMode="hiragana" allowBlank="1" showInputMessage="1" showErrorMessage="1" sqref="D43:D57 D15 D21:D22 D17 D24 D27:D29 D32:D40"/>
  </dataValidations>
  <pageMargins left="0.39305555555555555" right="0.39305555555555555" top="0.39305555555555555" bottom="0.98402777777777772" header="0.39305555555555555" footer="0.39305555555555555"/>
  <pageSetup paperSize="9" firstPageNumber="4294963191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18"/>
  <sheetViews>
    <sheetView tabSelected="1" topLeftCell="D21" zoomScaleNormal="100" workbookViewId="0">
      <selection activeCell="T34" sqref="T34"/>
    </sheetView>
  </sheetViews>
  <sheetFormatPr defaultColWidth="9" defaultRowHeight="13.2"/>
  <cols>
    <col min="1" max="1" width="7.109375" style="97" customWidth="1"/>
    <col min="2" max="2" width="3.6640625" style="97" customWidth="1"/>
    <col min="3" max="3" width="5.6640625" style="96" customWidth="1"/>
    <col min="4" max="4" width="14.6640625" style="96" customWidth="1"/>
    <col min="5" max="5" width="1.21875" style="97" customWidth="1"/>
    <col min="6" max="6" width="7.44140625" style="97" customWidth="1"/>
    <col min="7" max="7" width="2.44140625" style="97" customWidth="1"/>
    <col min="8" max="8" width="5" style="97" customWidth="1"/>
    <col min="9" max="9" width="1.21875" style="97" customWidth="1"/>
    <col min="10" max="10" width="14.6640625" style="99" customWidth="1"/>
    <col min="11" max="11" width="5.6640625" style="97" customWidth="1"/>
    <col min="12" max="12" width="1.21875" style="97" customWidth="1"/>
    <col min="13" max="13" width="4.6640625" style="97" customWidth="1"/>
    <col min="14" max="14" width="1.21875" style="97" customWidth="1"/>
    <col min="15" max="15" width="5.6640625" style="97" customWidth="1"/>
    <col min="16" max="16" width="1.21875" style="97" customWidth="1"/>
    <col min="17" max="17" width="5.6640625" style="97" customWidth="1"/>
    <col min="18" max="18" width="1.21875" style="97" customWidth="1"/>
    <col min="19" max="19" width="5.6640625" style="97" customWidth="1"/>
    <col min="20" max="20" width="9" style="97" bestFit="1"/>
    <col min="21" max="16384" width="9" style="97"/>
  </cols>
  <sheetData>
    <row r="1" spans="2:19" s="112" customFormat="1" ht="14.25" customHeight="1">
      <c r="B1" s="441" t="s">
        <v>22</v>
      </c>
      <c r="C1" s="442"/>
      <c r="D1" s="442"/>
      <c r="E1" s="442"/>
      <c r="F1" s="442"/>
      <c r="G1" s="99"/>
      <c r="H1" s="99"/>
      <c r="I1" s="99"/>
      <c r="J1" s="92"/>
      <c r="K1" s="92"/>
      <c r="L1" s="92"/>
      <c r="M1" s="92"/>
      <c r="N1" s="92"/>
      <c r="O1" s="92"/>
      <c r="P1" s="92"/>
    </row>
    <row r="2" spans="2:19" s="112" customFormat="1" ht="14.1" customHeight="1">
      <c r="B2" s="442"/>
      <c r="C2" s="442"/>
      <c r="D2" s="442"/>
      <c r="E2" s="442"/>
      <c r="F2" s="442"/>
    </row>
    <row r="3" spans="2:19" s="112" customFormat="1" ht="14.1" customHeight="1">
      <c r="B3" s="442"/>
      <c r="C3" s="442"/>
      <c r="D3" s="442"/>
      <c r="E3" s="442"/>
      <c r="F3" s="442"/>
      <c r="G3" s="112" t="s">
        <v>108</v>
      </c>
    </row>
    <row r="4" spans="2:19" s="112" customFormat="1" ht="14.1" customHeight="1">
      <c r="B4" s="442"/>
      <c r="C4" s="442"/>
      <c r="D4" s="442"/>
      <c r="E4" s="442"/>
      <c r="F4" s="442"/>
      <c r="G4" s="443" t="s">
        <v>371</v>
      </c>
      <c r="H4" s="443"/>
      <c r="I4" s="443"/>
      <c r="J4" s="443"/>
      <c r="K4" s="443"/>
      <c r="L4" s="443"/>
      <c r="M4" s="443"/>
      <c r="N4" s="443"/>
      <c r="O4" s="443"/>
      <c r="P4" s="443"/>
      <c r="Q4" s="443"/>
    </row>
    <row r="5" spans="2:19" s="112" customFormat="1" ht="14.1" customHeight="1">
      <c r="B5" s="442"/>
      <c r="C5" s="442"/>
      <c r="D5" s="442"/>
      <c r="E5" s="442"/>
      <c r="F5" s="442"/>
      <c r="G5" s="443"/>
      <c r="H5" s="443"/>
      <c r="I5" s="443"/>
      <c r="J5" s="443"/>
      <c r="K5" s="443"/>
      <c r="L5" s="443"/>
      <c r="M5" s="443"/>
      <c r="N5" s="443"/>
      <c r="O5" s="443"/>
      <c r="P5" s="443"/>
      <c r="Q5" s="443"/>
    </row>
    <row r="6" spans="2:19">
      <c r="B6" s="92"/>
      <c r="C6" s="101"/>
      <c r="D6" s="101"/>
      <c r="E6" s="92"/>
      <c r="F6" s="92"/>
      <c r="G6" s="92"/>
      <c r="H6" s="92"/>
      <c r="I6" s="92"/>
      <c r="J6" s="19"/>
      <c r="L6" s="57"/>
      <c r="M6" s="57"/>
      <c r="N6" s="57"/>
      <c r="O6" s="57"/>
      <c r="P6" s="57"/>
      <c r="Q6" s="57"/>
      <c r="R6" s="57"/>
      <c r="S6" s="57"/>
    </row>
    <row r="7" spans="2:19" s="129" customFormat="1" ht="18.75" customHeight="1">
      <c r="B7" s="444" t="s">
        <v>75</v>
      </c>
      <c r="C7" s="444"/>
      <c r="D7" s="444"/>
      <c r="E7" s="444"/>
      <c r="F7" s="444"/>
      <c r="G7" s="444"/>
      <c r="H7" s="444"/>
      <c r="I7" s="444"/>
      <c r="J7" s="444"/>
      <c r="K7" s="444"/>
      <c r="L7" s="444"/>
      <c r="M7" s="444"/>
      <c r="N7" s="444"/>
      <c r="O7" s="444"/>
      <c r="P7" s="444"/>
      <c r="Q7" s="444"/>
      <c r="R7" s="444"/>
      <c r="S7" s="444"/>
    </row>
    <row r="8" spans="2:19" s="129" customFormat="1" ht="13.5" customHeight="1">
      <c r="B8" s="104"/>
      <c r="C8" s="104"/>
      <c r="D8" s="104"/>
      <c r="E8" s="104"/>
      <c r="F8" s="104"/>
      <c r="G8" s="104"/>
      <c r="H8" s="104"/>
      <c r="I8" s="104"/>
      <c r="J8" s="130"/>
      <c r="K8" s="104"/>
      <c r="L8" s="104"/>
      <c r="M8" s="104"/>
      <c r="N8" s="104"/>
      <c r="O8" s="104"/>
      <c r="P8" s="104"/>
      <c r="Q8" s="104"/>
      <c r="R8" s="104"/>
      <c r="S8" s="104"/>
    </row>
    <row r="9" spans="2:19" ht="19.2" customHeight="1">
      <c r="B9" s="280" t="s">
        <v>54</v>
      </c>
      <c r="E9" s="98"/>
      <c r="F9" s="99"/>
      <c r="G9" s="99"/>
      <c r="H9" s="99"/>
      <c r="I9" s="100"/>
    </row>
    <row r="10" spans="2:19" s="92" customFormat="1">
      <c r="B10" s="111" t="s">
        <v>1</v>
      </c>
      <c r="C10" s="103" t="s">
        <v>2</v>
      </c>
      <c r="D10" s="111" t="s">
        <v>3</v>
      </c>
      <c r="E10" s="103"/>
      <c r="F10" s="111" t="s">
        <v>61</v>
      </c>
      <c r="G10" s="103"/>
      <c r="H10" s="103" t="s">
        <v>60</v>
      </c>
      <c r="I10" s="103"/>
      <c r="J10" s="111" t="s">
        <v>100</v>
      </c>
      <c r="L10" s="438" t="s">
        <v>5</v>
      </c>
      <c r="M10" s="438"/>
      <c r="N10" s="438"/>
      <c r="O10" s="438" t="s">
        <v>6</v>
      </c>
      <c r="P10" s="438"/>
      <c r="Q10" s="438"/>
      <c r="R10" s="438"/>
      <c r="S10" s="438"/>
    </row>
    <row r="11" spans="2:19">
      <c r="B11" s="111">
        <v>1</v>
      </c>
      <c r="C11" s="153">
        <v>111</v>
      </c>
      <c r="D11" s="41" t="s">
        <v>166</v>
      </c>
      <c r="E11" s="261" t="s">
        <v>51</v>
      </c>
      <c r="F11" s="125" t="s">
        <v>135</v>
      </c>
      <c r="G11" s="261" t="s">
        <v>47</v>
      </c>
      <c r="H11" s="26">
        <v>3</v>
      </c>
      <c r="I11" s="262" t="s">
        <v>52</v>
      </c>
      <c r="J11" s="131" t="s">
        <v>167</v>
      </c>
      <c r="L11" s="111" t="s">
        <v>8</v>
      </c>
      <c r="M11" s="111">
        <v>4</v>
      </c>
      <c r="N11" s="111" t="s">
        <v>9</v>
      </c>
      <c r="O11" s="111">
        <v>4</v>
      </c>
      <c r="P11" s="293" t="s">
        <v>10</v>
      </c>
      <c r="Q11" s="293">
        <v>18</v>
      </c>
      <c r="R11" s="111" t="s">
        <v>10</v>
      </c>
      <c r="S11" s="111">
        <v>1</v>
      </c>
    </row>
    <row r="12" spans="2:19">
      <c r="B12" s="111">
        <v>2</v>
      </c>
      <c r="C12" s="153">
        <v>43</v>
      </c>
      <c r="D12" s="41" t="s">
        <v>163</v>
      </c>
      <c r="E12" s="261" t="s">
        <v>51</v>
      </c>
      <c r="F12" s="125" t="s">
        <v>134</v>
      </c>
      <c r="G12" s="261" t="s">
        <v>47</v>
      </c>
      <c r="H12" s="26">
        <v>4</v>
      </c>
      <c r="I12" s="262" t="s">
        <v>52</v>
      </c>
      <c r="J12" s="131" t="s">
        <v>168</v>
      </c>
      <c r="L12" s="111" t="s">
        <v>8</v>
      </c>
      <c r="M12" s="111">
        <v>1</v>
      </c>
      <c r="N12" s="111" t="s">
        <v>9</v>
      </c>
      <c r="O12" s="111">
        <v>4</v>
      </c>
      <c r="P12" s="293" t="s">
        <v>10</v>
      </c>
      <c r="Q12" s="293">
        <v>0</v>
      </c>
      <c r="R12" s="111" t="s">
        <v>10</v>
      </c>
      <c r="S12" s="111">
        <v>8</v>
      </c>
    </row>
    <row r="13" spans="2:19">
      <c r="B13" s="111">
        <v>3</v>
      </c>
      <c r="C13" s="153">
        <v>29</v>
      </c>
      <c r="D13" s="41" t="s">
        <v>164</v>
      </c>
      <c r="E13" s="261" t="s">
        <v>51</v>
      </c>
      <c r="F13" s="125" t="s">
        <v>134</v>
      </c>
      <c r="G13" s="261" t="s">
        <v>47</v>
      </c>
      <c r="H13" s="26">
        <v>3</v>
      </c>
      <c r="I13" s="262" t="s">
        <v>52</v>
      </c>
      <c r="J13" s="131" t="s">
        <v>169</v>
      </c>
      <c r="L13" s="111" t="s">
        <v>8</v>
      </c>
      <c r="M13" s="111">
        <v>2</v>
      </c>
      <c r="N13" s="111" t="s">
        <v>9</v>
      </c>
      <c r="O13" s="111">
        <v>4</v>
      </c>
      <c r="P13" s="293" t="s">
        <v>10</v>
      </c>
      <c r="Q13" s="293">
        <v>3</v>
      </c>
      <c r="R13" s="111" t="s">
        <v>10</v>
      </c>
      <c r="S13" s="111">
        <v>6</v>
      </c>
    </row>
    <row r="14" spans="2:19">
      <c r="B14" s="111">
        <v>4</v>
      </c>
      <c r="C14" s="153">
        <v>103</v>
      </c>
      <c r="D14" s="41" t="s">
        <v>165</v>
      </c>
      <c r="E14" s="261" t="s">
        <v>51</v>
      </c>
      <c r="F14" s="125" t="s">
        <v>135</v>
      </c>
      <c r="G14" s="261" t="s">
        <v>47</v>
      </c>
      <c r="H14" s="26">
        <v>3</v>
      </c>
      <c r="I14" s="262" t="s">
        <v>52</v>
      </c>
      <c r="J14" s="131" t="s">
        <v>170</v>
      </c>
      <c r="L14" s="92" t="s">
        <v>8</v>
      </c>
      <c r="M14" s="111">
        <v>3</v>
      </c>
      <c r="N14" s="111" t="s">
        <v>9</v>
      </c>
      <c r="O14" s="111">
        <v>4</v>
      </c>
      <c r="P14" s="293" t="s">
        <v>10</v>
      </c>
      <c r="Q14" s="293">
        <v>12</v>
      </c>
      <c r="R14" s="111" t="s">
        <v>10</v>
      </c>
      <c r="S14" s="111">
        <v>4</v>
      </c>
    </row>
    <row r="15" spans="2:19">
      <c r="B15" s="92"/>
      <c r="C15" s="37"/>
      <c r="D15" s="37"/>
      <c r="E15" s="92"/>
      <c r="F15" s="201"/>
      <c r="G15" s="92"/>
      <c r="H15" s="201"/>
      <c r="I15" s="92"/>
      <c r="J15" s="229"/>
      <c r="K15" s="57"/>
      <c r="L15" s="89"/>
      <c r="M15" s="92"/>
      <c r="N15" s="92"/>
      <c r="O15" s="92"/>
      <c r="P15" s="294"/>
      <c r="Q15" s="294"/>
      <c r="R15" s="92"/>
      <c r="S15" s="92"/>
    </row>
    <row r="16" spans="2:19" ht="19.2" customHeight="1">
      <c r="B16" s="280" t="s">
        <v>62</v>
      </c>
      <c r="C16" s="37"/>
      <c r="D16" s="37"/>
      <c r="E16" s="92"/>
      <c r="F16" s="201"/>
      <c r="G16" s="92"/>
      <c r="H16" s="201"/>
      <c r="I16" s="92"/>
      <c r="J16" s="229"/>
      <c r="K16" s="57"/>
      <c r="L16" s="92"/>
      <c r="M16" s="92"/>
      <c r="N16" s="92"/>
      <c r="O16" s="92"/>
      <c r="P16" s="294"/>
      <c r="Q16" s="294"/>
      <c r="R16" s="92"/>
      <c r="S16" s="92"/>
    </row>
    <row r="17" spans="2:19">
      <c r="B17" s="111">
        <v>5</v>
      </c>
      <c r="C17" s="349">
        <v>304</v>
      </c>
      <c r="D17" s="230" t="s">
        <v>171</v>
      </c>
      <c r="E17" s="265" t="s">
        <v>51</v>
      </c>
      <c r="F17" s="125" t="s">
        <v>135</v>
      </c>
      <c r="G17" s="265" t="s">
        <v>47</v>
      </c>
      <c r="H17" s="232" t="s">
        <v>179</v>
      </c>
      <c r="I17" s="265" t="s">
        <v>52</v>
      </c>
      <c r="J17" s="132" t="s">
        <v>184</v>
      </c>
      <c r="L17" s="111" t="s">
        <v>8</v>
      </c>
      <c r="M17" s="111">
        <v>3</v>
      </c>
      <c r="N17" s="111" t="s">
        <v>9</v>
      </c>
      <c r="O17" s="111">
        <v>4</v>
      </c>
      <c r="P17" s="293" t="s">
        <v>10</v>
      </c>
      <c r="Q17" s="293">
        <v>9</v>
      </c>
      <c r="R17" s="111" t="s">
        <v>10</v>
      </c>
      <c r="S17" s="111">
        <v>0</v>
      </c>
    </row>
    <row r="18" spans="2:19">
      <c r="B18" s="111">
        <v>6</v>
      </c>
      <c r="C18" s="350">
        <v>44</v>
      </c>
      <c r="D18" s="41" t="s">
        <v>176</v>
      </c>
      <c r="E18" s="265" t="s">
        <v>51</v>
      </c>
      <c r="F18" s="125" t="s">
        <v>134</v>
      </c>
      <c r="G18" s="265" t="s">
        <v>47</v>
      </c>
      <c r="H18" s="232">
        <v>4</v>
      </c>
      <c r="I18" s="329" t="s">
        <v>52</v>
      </c>
      <c r="J18" s="132" t="s">
        <v>180</v>
      </c>
      <c r="L18" s="111" t="s">
        <v>8</v>
      </c>
      <c r="M18" s="111">
        <v>4</v>
      </c>
      <c r="N18" s="111" t="s">
        <v>9</v>
      </c>
      <c r="O18" s="111">
        <v>4</v>
      </c>
      <c r="P18" s="293" t="s">
        <v>10</v>
      </c>
      <c r="Q18" s="293">
        <v>11</v>
      </c>
      <c r="R18" s="111" t="s">
        <v>10</v>
      </c>
      <c r="S18" s="111">
        <v>5</v>
      </c>
    </row>
    <row r="19" spans="2:19">
      <c r="B19" s="111">
        <v>7</v>
      </c>
      <c r="C19" s="350">
        <v>11</v>
      </c>
      <c r="D19" s="41" t="s">
        <v>177</v>
      </c>
      <c r="E19" s="261" t="s">
        <v>51</v>
      </c>
      <c r="F19" s="125" t="s">
        <v>134</v>
      </c>
      <c r="G19" s="261" t="s">
        <v>47</v>
      </c>
      <c r="H19" s="26">
        <v>2</v>
      </c>
      <c r="I19" s="262" t="s">
        <v>52</v>
      </c>
      <c r="J19" s="131" t="s">
        <v>181</v>
      </c>
      <c r="L19" s="111" t="s">
        <v>8</v>
      </c>
      <c r="M19" s="111">
        <v>2</v>
      </c>
      <c r="N19" s="111" t="s">
        <v>9</v>
      </c>
      <c r="O19" s="111">
        <v>4</v>
      </c>
      <c r="P19" s="293" t="s">
        <v>10</v>
      </c>
      <c r="Q19" s="293">
        <v>8</v>
      </c>
      <c r="R19" s="111" t="s">
        <v>10</v>
      </c>
      <c r="S19" s="111">
        <v>8</v>
      </c>
    </row>
    <row r="20" spans="2:19">
      <c r="B20" s="111">
        <v>8</v>
      </c>
      <c r="C20" s="350">
        <v>19</v>
      </c>
      <c r="D20" s="325" t="s">
        <v>178</v>
      </c>
      <c r="E20" s="261" t="s">
        <v>51</v>
      </c>
      <c r="F20" s="125" t="s">
        <v>134</v>
      </c>
      <c r="G20" s="261" t="s">
        <v>47</v>
      </c>
      <c r="H20" s="26">
        <v>2</v>
      </c>
      <c r="I20" s="262" t="s">
        <v>52</v>
      </c>
      <c r="J20" s="131" t="s">
        <v>170</v>
      </c>
      <c r="K20" s="57"/>
      <c r="L20" s="111" t="s">
        <v>8</v>
      </c>
      <c r="M20" s="111">
        <v>9</v>
      </c>
      <c r="N20" s="111" t="s">
        <v>9</v>
      </c>
      <c r="O20" s="111">
        <v>4</v>
      </c>
      <c r="P20" s="293" t="s">
        <v>10</v>
      </c>
      <c r="Q20" s="293">
        <v>31</v>
      </c>
      <c r="R20" s="111" t="s">
        <v>10</v>
      </c>
      <c r="S20" s="111">
        <v>8</v>
      </c>
    </row>
    <row r="21" spans="2:19">
      <c r="B21" s="111">
        <v>9</v>
      </c>
      <c r="C21" s="350">
        <v>116</v>
      </c>
      <c r="D21" s="41" t="s">
        <v>172</v>
      </c>
      <c r="E21" s="261" t="s">
        <v>51</v>
      </c>
      <c r="F21" s="125" t="s">
        <v>135</v>
      </c>
      <c r="G21" s="261" t="s">
        <v>47</v>
      </c>
      <c r="H21" s="26">
        <v>2</v>
      </c>
      <c r="I21" s="262" t="s">
        <v>52</v>
      </c>
      <c r="J21" s="132" t="s">
        <v>182</v>
      </c>
      <c r="L21" s="111" t="s">
        <v>8</v>
      </c>
      <c r="M21" s="111">
        <v>7</v>
      </c>
      <c r="N21" s="111" t="s">
        <v>9</v>
      </c>
      <c r="O21" s="111">
        <v>4</v>
      </c>
      <c r="P21" s="293" t="s">
        <v>10</v>
      </c>
      <c r="Q21" s="293">
        <v>27</v>
      </c>
      <c r="R21" s="111" t="s">
        <v>10</v>
      </c>
      <c r="S21" s="111">
        <v>2</v>
      </c>
    </row>
    <row r="22" spans="2:19">
      <c r="B22" s="111">
        <v>10</v>
      </c>
      <c r="C22" s="350">
        <v>112</v>
      </c>
      <c r="D22" s="41" t="s">
        <v>259</v>
      </c>
      <c r="E22" s="261" t="s">
        <v>51</v>
      </c>
      <c r="F22" s="125" t="s">
        <v>257</v>
      </c>
      <c r="G22" s="261" t="s">
        <v>47</v>
      </c>
      <c r="H22" s="26">
        <v>2</v>
      </c>
      <c r="I22" s="262" t="s">
        <v>52</v>
      </c>
      <c r="J22" s="132" t="s">
        <v>258</v>
      </c>
      <c r="L22" s="111" t="s">
        <v>8</v>
      </c>
      <c r="M22" s="111">
        <v>15</v>
      </c>
      <c r="N22" s="111" t="s">
        <v>9</v>
      </c>
      <c r="O22" s="111">
        <v>4</v>
      </c>
      <c r="P22" s="293" t="s">
        <v>10</v>
      </c>
      <c r="Q22" s="293">
        <v>48</v>
      </c>
      <c r="R22" s="111" t="s">
        <v>10</v>
      </c>
      <c r="S22" s="111">
        <v>9</v>
      </c>
    </row>
    <row r="23" spans="2:19">
      <c r="B23" s="111">
        <v>11</v>
      </c>
      <c r="C23" s="350">
        <v>118</v>
      </c>
      <c r="D23" s="41" t="s">
        <v>173</v>
      </c>
      <c r="E23" s="261" t="s">
        <v>51</v>
      </c>
      <c r="F23" s="125" t="s">
        <v>116</v>
      </c>
      <c r="G23" s="261" t="s">
        <v>47</v>
      </c>
      <c r="H23" s="26">
        <v>2</v>
      </c>
      <c r="I23" s="262" t="s">
        <v>52</v>
      </c>
      <c r="J23" s="132" t="s">
        <v>183</v>
      </c>
      <c r="L23" s="111" t="s">
        <v>8</v>
      </c>
      <c r="M23" s="111"/>
      <c r="N23" s="111" t="s">
        <v>9</v>
      </c>
      <c r="O23" s="111"/>
      <c r="P23" s="293"/>
      <c r="Q23" s="293" t="s">
        <v>275</v>
      </c>
      <c r="R23" s="111"/>
      <c r="S23" s="111"/>
    </row>
    <row r="24" spans="2:19">
      <c r="B24" s="111">
        <v>12</v>
      </c>
      <c r="C24" s="350">
        <v>5</v>
      </c>
      <c r="D24" s="41" t="s">
        <v>175</v>
      </c>
      <c r="E24" s="261" t="s">
        <v>51</v>
      </c>
      <c r="F24" s="125" t="s">
        <v>134</v>
      </c>
      <c r="G24" s="261" t="s">
        <v>47</v>
      </c>
      <c r="H24" s="26">
        <v>2</v>
      </c>
      <c r="I24" s="262" t="s">
        <v>52</v>
      </c>
      <c r="J24" s="132"/>
      <c r="L24" s="111" t="s">
        <v>8</v>
      </c>
      <c r="M24" s="111">
        <v>17</v>
      </c>
      <c r="N24" s="111" t="s">
        <v>9</v>
      </c>
      <c r="O24" s="111">
        <v>5</v>
      </c>
      <c r="P24" s="293" t="s">
        <v>10</v>
      </c>
      <c r="Q24" s="293">
        <v>28</v>
      </c>
      <c r="R24" s="111" t="s">
        <v>10</v>
      </c>
      <c r="S24" s="111">
        <v>2</v>
      </c>
    </row>
    <row r="25" spans="2:19">
      <c r="B25" s="111">
        <v>13</v>
      </c>
      <c r="C25" s="350">
        <v>2</v>
      </c>
      <c r="D25" s="41" t="s">
        <v>174</v>
      </c>
      <c r="E25" s="261" t="s">
        <v>51</v>
      </c>
      <c r="F25" s="125" t="s">
        <v>114</v>
      </c>
      <c r="G25" s="261" t="s">
        <v>47</v>
      </c>
      <c r="H25" s="26">
        <v>2</v>
      </c>
      <c r="I25" s="262" t="s">
        <v>52</v>
      </c>
      <c r="J25" s="132"/>
      <c r="L25" s="111" t="s">
        <v>8</v>
      </c>
      <c r="M25" s="111"/>
      <c r="N25" s="111" t="s">
        <v>9</v>
      </c>
      <c r="O25" s="111"/>
      <c r="P25" s="293"/>
      <c r="Q25" s="293" t="s">
        <v>275</v>
      </c>
      <c r="R25" s="111"/>
      <c r="S25" s="111"/>
    </row>
    <row r="26" spans="2:19">
      <c r="B26" s="111">
        <v>14</v>
      </c>
      <c r="C26" s="351">
        <v>129</v>
      </c>
      <c r="D26" s="41" t="s">
        <v>261</v>
      </c>
      <c r="E26" s="261" t="s">
        <v>51</v>
      </c>
      <c r="F26" s="125" t="s">
        <v>262</v>
      </c>
      <c r="G26" s="261" t="s">
        <v>47</v>
      </c>
      <c r="H26" s="26">
        <v>1</v>
      </c>
      <c r="I26" s="262" t="s">
        <v>52</v>
      </c>
      <c r="J26" s="132"/>
      <c r="L26" s="111" t="s">
        <v>8</v>
      </c>
      <c r="M26" s="111">
        <v>13</v>
      </c>
      <c r="N26" s="111" t="s">
        <v>9</v>
      </c>
      <c r="O26" s="111">
        <v>4</v>
      </c>
      <c r="P26" s="293" t="s">
        <v>370</v>
      </c>
      <c r="Q26" s="293">
        <v>45</v>
      </c>
      <c r="R26" s="111" t="s">
        <v>10</v>
      </c>
      <c r="S26" s="111">
        <v>9</v>
      </c>
    </row>
    <row r="27" spans="2:19">
      <c r="B27" s="111">
        <v>15</v>
      </c>
      <c r="C27" s="350">
        <v>125</v>
      </c>
      <c r="D27" s="300" t="s">
        <v>263</v>
      </c>
      <c r="E27" s="261" t="s">
        <v>51</v>
      </c>
      <c r="F27" s="125" t="s">
        <v>262</v>
      </c>
      <c r="G27" s="261" t="s">
        <v>47</v>
      </c>
      <c r="H27" s="26">
        <v>1</v>
      </c>
      <c r="I27" s="262" t="s">
        <v>52</v>
      </c>
      <c r="J27" s="132"/>
      <c r="L27" s="111" t="s">
        <v>8</v>
      </c>
      <c r="M27" s="111">
        <v>12</v>
      </c>
      <c r="N27" s="111" t="s">
        <v>9</v>
      </c>
      <c r="O27" s="111">
        <v>4</v>
      </c>
      <c r="P27" s="293" t="s">
        <v>10</v>
      </c>
      <c r="Q27" s="293">
        <v>45</v>
      </c>
      <c r="R27" s="111" t="s">
        <v>10</v>
      </c>
      <c r="S27" s="111">
        <v>0</v>
      </c>
    </row>
    <row r="28" spans="2:19">
      <c r="B28" s="111">
        <v>16</v>
      </c>
      <c r="C28" s="350">
        <v>7</v>
      </c>
      <c r="D28" s="274" t="s">
        <v>133</v>
      </c>
      <c r="E28" s="261" t="s">
        <v>51</v>
      </c>
      <c r="F28" s="125" t="s">
        <v>296</v>
      </c>
      <c r="G28" s="261" t="s">
        <v>47</v>
      </c>
      <c r="H28" s="26">
        <v>2</v>
      </c>
      <c r="I28" s="262" t="s">
        <v>52</v>
      </c>
      <c r="J28" s="132" t="s">
        <v>337</v>
      </c>
      <c r="L28" s="111" t="s">
        <v>8</v>
      </c>
      <c r="M28" s="111">
        <v>10</v>
      </c>
      <c r="N28" s="111" t="s">
        <v>9</v>
      </c>
      <c r="O28" s="111">
        <v>4</v>
      </c>
      <c r="P28" s="293" t="s">
        <v>10</v>
      </c>
      <c r="Q28" s="293">
        <v>34</v>
      </c>
      <c r="R28" s="111" t="s">
        <v>10</v>
      </c>
      <c r="S28" s="111">
        <v>5</v>
      </c>
    </row>
    <row r="29" spans="2:19">
      <c r="B29" s="127">
        <v>17</v>
      </c>
      <c r="C29" s="350">
        <v>38</v>
      </c>
      <c r="D29" s="391" t="s">
        <v>362</v>
      </c>
      <c r="E29" s="261" t="s">
        <v>51</v>
      </c>
      <c r="F29" s="125" t="s">
        <v>296</v>
      </c>
      <c r="G29" s="261" t="s">
        <v>47</v>
      </c>
      <c r="H29" s="26">
        <v>4</v>
      </c>
      <c r="I29" s="262" t="s">
        <v>52</v>
      </c>
      <c r="J29" s="132" t="s">
        <v>337</v>
      </c>
      <c r="L29" s="111" t="s">
        <v>8</v>
      </c>
      <c r="M29" s="111">
        <v>5</v>
      </c>
      <c r="N29" s="111" t="s">
        <v>9</v>
      </c>
      <c r="O29" s="111">
        <v>4</v>
      </c>
      <c r="P29" s="293" t="s">
        <v>10</v>
      </c>
      <c r="Q29" s="293">
        <v>21</v>
      </c>
      <c r="R29" s="111" t="s">
        <v>10</v>
      </c>
      <c r="S29" s="111">
        <v>8</v>
      </c>
    </row>
    <row r="30" spans="2:19">
      <c r="B30" s="111">
        <v>18</v>
      </c>
      <c r="C30" s="350">
        <v>32</v>
      </c>
      <c r="D30" s="41" t="s">
        <v>189</v>
      </c>
      <c r="E30" s="261" t="s">
        <v>51</v>
      </c>
      <c r="F30" s="125" t="s">
        <v>296</v>
      </c>
      <c r="G30" s="261" t="s">
        <v>47</v>
      </c>
      <c r="H30" s="26">
        <v>3</v>
      </c>
      <c r="I30" s="262" t="s">
        <v>52</v>
      </c>
      <c r="J30" s="132" t="s">
        <v>337</v>
      </c>
      <c r="L30" s="111" t="s">
        <v>8</v>
      </c>
      <c r="M30" s="111">
        <v>6</v>
      </c>
      <c r="N30" s="111" t="s">
        <v>9</v>
      </c>
      <c r="O30" s="111">
        <v>4</v>
      </c>
      <c r="P30" s="293" t="s">
        <v>10</v>
      </c>
      <c r="Q30" s="293">
        <v>22</v>
      </c>
      <c r="R30" s="111" t="s">
        <v>10</v>
      </c>
      <c r="S30" s="111">
        <v>4</v>
      </c>
    </row>
    <row r="31" spans="2:19">
      <c r="B31" s="111">
        <v>19</v>
      </c>
      <c r="C31" s="350">
        <v>211</v>
      </c>
      <c r="D31" s="41" t="s">
        <v>363</v>
      </c>
      <c r="E31" s="261" t="s">
        <v>51</v>
      </c>
      <c r="F31" s="125" t="s">
        <v>296</v>
      </c>
      <c r="G31" s="261" t="s">
        <v>47</v>
      </c>
      <c r="H31" s="26" t="s">
        <v>361</v>
      </c>
      <c r="I31" s="262" t="s">
        <v>52</v>
      </c>
      <c r="J31" s="132" t="s">
        <v>337</v>
      </c>
      <c r="L31" s="111" t="s">
        <v>8</v>
      </c>
      <c r="M31" s="111">
        <v>16</v>
      </c>
      <c r="N31" s="111" t="s">
        <v>9</v>
      </c>
      <c r="O31" s="111">
        <v>5</v>
      </c>
      <c r="P31" s="293" t="s">
        <v>10</v>
      </c>
      <c r="Q31" s="293">
        <v>2</v>
      </c>
      <c r="R31" s="111" t="s">
        <v>10</v>
      </c>
      <c r="S31" s="111">
        <v>3</v>
      </c>
    </row>
    <row r="32" spans="2:19">
      <c r="B32" s="111">
        <v>20</v>
      </c>
      <c r="C32" s="350">
        <v>23</v>
      </c>
      <c r="D32" s="41" t="s">
        <v>119</v>
      </c>
      <c r="E32" s="261" t="s">
        <v>51</v>
      </c>
      <c r="F32" s="125" t="s">
        <v>296</v>
      </c>
      <c r="G32" s="261" t="s">
        <v>47</v>
      </c>
      <c r="H32" s="26">
        <v>3</v>
      </c>
      <c r="I32" s="262" t="s">
        <v>52</v>
      </c>
      <c r="J32" s="132" t="s">
        <v>337</v>
      </c>
      <c r="L32" s="111" t="s">
        <v>8</v>
      </c>
      <c r="M32" s="111"/>
      <c r="N32" s="111" t="s">
        <v>9</v>
      </c>
      <c r="O32" s="111"/>
      <c r="P32" s="293"/>
      <c r="Q32" s="293" t="s">
        <v>360</v>
      </c>
      <c r="R32" s="111"/>
      <c r="S32" s="111"/>
    </row>
    <row r="33" spans="2:19">
      <c r="B33" s="111">
        <v>21</v>
      </c>
      <c r="C33" s="350">
        <v>309</v>
      </c>
      <c r="D33" s="41" t="s">
        <v>364</v>
      </c>
      <c r="E33" s="261" t="s">
        <v>51</v>
      </c>
      <c r="F33" s="125" t="s">
        <v>312</v>
      </c>
      <c r="G33" s="261" t="s">
        <v>47</v>
      </c>
      <c r="H33" s="26" t="s">
        <v>298</v>
      </c>
      <c r="I33" s="262" t="s">
        <v>52</v>
      </c>
      <c r="J33" s="132" t="s">
        <v>337</v>
      </c>
      <c r="L33" s="111" t="s">
        <v>8</v>
      </c>
      <c r="M33" s="111">
        <v>8</v>
      </c>
      <c r="N33" s="111" t="s">
        <v>9</v>
      </c>
      <c r="O33" s="111">
        <v>4</v>
      </c>
      <c r="P33" s="293" t="s">
        <v>10</v>
      </c>
      <c r="Q33" s="293">
        <v>30</v>
      </c>
      <c r="R33" s="111" t="s">
        <v>10</v>
      </c>
      <c r="S33" s="111">
        <v>2</v>
      </c>
    </row>
    <row r="34" spans="2:19">
      <c r="B34" s="111">
        <v>22</v>
      </c>
      <c r="C34" s="350">
        <v>15</v>
      </c>
      <c r="D34" s="41" t="s">
        <v>365</v>
      </c>
      <c r="E34" s="261" t="s">
        <v>51</v>
      </c>
      <c r="F34" s="125" t="s">
        <v>296</v>
      </c>
      <c r="G34" s="261" t="s">
        <v>47</v>
      </c>
      <c r="H34" s="26">
        <v>2</v>
      </c>
      <c r="I34" s="261" t="s">
        <v>52</v>
      </c>
      <c r="J34" s="132" t="s">
        <v>337</v>
      </c>
      <c r="L34" s="111" t="s">
        <v>8</v>
      </c>
      <c r="M34" s="111">
        <v>18</v>
      </c>
      <c r="N34" s="111" t="s">
        <v>9</v>
      </c>
      <c r="O34" s="111">
        <v>5</v>
      </c>
      <c r="P34" s="293" t="s">
        <v>10</v>
      </c>
      <c r="Q34" s="293">
        <v>28</v>
      </c>
      <c r="R34" s="111" t="s">
        <v>10</v>
      </c>
      <c r="S34" s="111">
        <v>5</v>
      </c>
    </row>
    <row r="35" spans="2:19">
      <c r="B35" s="111">
        <v>23</v>
      </c>
      <c r="C35" s="153">
        <v>50</v>
      </c>
      <c r="D35" s="41" t="s">
        <v>324</v>
      </c>
      <c r="E35" s="261" t="s">
        <v>51</v>
      </c>
      <c r="F35" s="125" t="s">
        <v>296</v>
      </c>
      <c r="G35" s="261" t="s">
        <v>47</v>
      </c>
      <c r="H35" s="26">
        <v>1</v>
      </c>
      <c r="I35" s="261" t="s">
        <v>52</v>
      </c>
      <c r="J35" s="132" t="s">
        <v>337</v>
      </c>
      <c r="L35" s="111" t="s">
        <v>8</v>
      </c>
      <c r="M35" s="111">
        <v>14</v>
      </c>
      <c r="N35" s="111" t="s">
        <v>9</v>
      </c>
      <c r="O35" s="111">
        <v>4</v>
      </c>
      <c r="P35" s="293" t="s">
        <v>10</v>
      </c>
      <c r="Q35" s="293">
        <v>47</v>
      </c>
      <c r="R35" s="111" t="s">
        <v>10</v>
      </c>
      <c r="S35" s="111">
        <v>4</v>
      </c>
    </row>
    <row r="36" spans="2:19" s="112" customFormat="1" ht="15.75" customHeight="1">
      <c r="B36" s="390">
        <v>24</v>
      </c>
      <c r="C36" s="153">
        <v>51</v>
      </c>
      <c r="D36" s="41" t="s">
        <v>366</v>
      </c>
      <c r="E36" s="261" t="s">
        <v>51</v>
      </c>
      <c r="F36" s="125" t="s">
        <v>296</v>
      </c>
      <c r="G36" s="261" t="s">
        <v>47</v>
      </c>
      <c r="H36" s="26">
        <v>1</v>
      </c>
      <c r="I36" s="261" t="s">
        <v>52</v>
      </c>
      <c r="J36" s="132" t="s">
        <v>337</v>
      </c>
      <c r="K36" s="97"/>
      <c r="L36" s="102" t="s">
        <v>8</v>
      </c>
      <c r="M36" s="390">
        <v>19</v>
      </c>
      <c r="N36" s="102" t="s">
        <v>9</v>
      </c>
      <c r="O36" s="390">
        <v>5</v>
      </c>
      <c r="P36" s="390" t="s">
        <v>10</v>
      </c>
      <c r="Q36" s="390">
        <v>31</v>
      </c>
      <c r="R36" s="390" t="s">
        <v>10</v>
      </c>
      <c r="S36" s="390">
        <v>8</v>
      </c>
    </row>
    <row r="37" spans="2:19" ht="15" customHeight="1">
      <c r="B37" s="390">
        <v>25</v>
      </c>
      <c r="C37" s="153">
        <v>52</v>
      </c>
      <c r="D37" s="41" t="s">
        <v>367</v>
      </c>
      <c r="E37" s="261" t="s">
        <v>51</v>
      </c>
      <c r="F37" s="125" t="s">
        <v>296</v>
      </c>
      <c r="G37" s="261" t="s">
        <v>47</v>
      </c>
      <c r="H37" s="26">
        <v>1</v>
      </c>
      <c r="I37" s="261" t="s">
        <v>52</v>
      </c>
      <c r="J37" s="132" t="s">
        <v>337</v>
      </c>
      <c r="L37" s="102" t="s">
        <v>8</v>
      </c>
      <c r="M37" s="390">
        <v>11</v>
      </c>
      <c r="N37" s="102" t="s">
        <v>9</v>
      </c>
      <c r="O37" s="390">
        <v>4</v>
      </c>
      <c r="P37" s="390" t="s">
        <v>10</v>
      </c>
      <c r="Q37" s="390">
        <v>42</v>
      </c>
      <c r="R37" s="390" t="s">
        <v>10</v>
      </c>
      <c r="S37" s="390">
        <v>2</v>
      </c>
    </row>
    <row r="38" spans="2:19" ht="13.5" customHeight="1">
      <c r="B38" s="390">
        <v>26</v>
      </c>
      <c r="C38" s="153">
        <v>212</v>
      </c>
      <c r="D38" s="41" t="s">
        <v>368</v>
      </c>
      <c r="E38" s="261" t="s">
        <v>51</v>
      </c>
      <c r="F38" s="125" t="s">
        <v>296</v>
      </c>
      <c r="G38" s="261" t="s">
        <v>47</v>
      </c>
      <c r="H38" s="26" t="s">
        <v>298</v>
      </c>
      <c r="I38" s="261" t="s">
        <v>52</v>
      </c>
      <c r="J38" s="132" t="s">
        <v>337</v>
      </c>
      <c r="L38" s="102" t="s">
        <v>8</v>
      </c>
      <c r="M38" s="390">
        <v>20</v>
      </c>
      <c r="N38" s="102" t="s">
        <v>9</v>
      </c>
      <c r="O38" s="390">
        <v>6</v>
      </c>
      <c r="P38" s="390" t="s">
        <v>10</v>
      </c>
      <c r="Q38" s="390">
        <v>1</v>
      </c>
      <c r="R38" s="390" t="s">
        <v>10</v>
      </c>
      <c r="S38" s="390">
        <v>2</v>
      </c>
    </row>
    <row r="39" spans="2:19">
      <c r="B39" s="390">
        <v>27</v>
      </c>
      <c r="C39" s="153">
        <v>27</v>
      </c>
      <c r="D39" s="41" t="s">
        <v>369</v>
      </c>
      <c r="E39" s="261" t="s">
        <v>51</v>
      </c>
      <c r="F39" s="125" t="s">
        <v>296</v>
      </c>
      <c r="G39" s="261" t="s">
        <v>47</v>
      </c>
      <c r="H39" s="26">
        <v>3</v>
      </c>
      <c r="I39" s="261" t="s">
        <v>52</v>
      </c>
      <c r="J39" s="132" t="s">
        <v>337</v>
      </c>
      <c r="L39" s="102" t="s">
        <v>8</v>
      </c>
      <c r="M39" s="390">
        <v>1</v>
      </c>
      <c r="N39" s="102" t="s">
        <v>9</v>
      </c>
      <c r="O39" s="390">
        <v>3</v>
      </c>
      <c r="P39" s="390" t="s">
        <v>10</v>
      </c>
      <c r="Q39" s="390">
        <v>59</v>
      </c>
      <c r="R39" s="390" t="s">
        <v>10</v>
      </c>
      <c r="S39" s="390">
        <v>4</v>
      </c>
    </row>
    <row r="40" spans="2:19">
      <c r="B40" s="392"/>
      <c r="C40" s="101"/>
      <c r="D40" s="101"/>
      <c r="E40" s="92"/>
      <c r="F40" s="92"/>
      <c r="G40" s="92"/>
      <c r="H40" s="92"/>
      <c r="I40" s="92"/>
      <c r="J40" s="92"/>
      <c r="L40" s="57"/>
      <c r="M40" s="57"/>
      <c r="N40" s="57"/>
      <c r="O40" s="57"/>
      <c r="P40" s="57"/>
      <c r="Q40" s="57"/>
      <c r="R40" s="57"/>
      <c r="S40" s="57"/>
    </row>
    <row r="41" spans="2:19">
      <c r="B41" s="392"/>
      <c r="C41" s="101"/>
      <c r="D41" s="101"/>
      <c r="E41" s="92"/>
      <c r="F41" s="92"/>
      <c r="G41" s="92"/>
      <c r="H41" s="92"/>
      <c r="I41" s="92"/>
      <c r="J41" s="92"/>
      <c r="L41" s="57"/>
      <c r="M41" s="57"/>
      <c r="N41" s="57"/>
      <c r="O41" s="57"/>
      <c r="P41" s="57"/>
      <c r="Q41" s="57"/>
      <c r="R41" s="57"/>
      <c r="S41" s="57"/>
    </row>
    <row r="42" spans="2:19" s="112" customFormat="1" ht="14.1" customHeight="1">
      <c r="B42" s="392"/>
      <c r="C42" s="96"/>
      <c r="D42" s="96"/>
      <c r="E42" s="99"/>
      <c r="F42" s="99"/>
      <c r="G42" s="99"/>
      <c r="H42" s="99"/>
      <c r="I42" s="99"/>
      <c r="J42" s="99"/>
      <c r="K42" s="97"/>
      <c r="L42" s="97"/>
      <c r="M42" s="97"/>
      <c r="N42" s="97"/>
      <c r="O42" s="97"/>
      <c r="P42" s="97"/>
      <c r="Q42" s="97"/>
      <c r="R42" s="97"/>
      <c r="S42" s="97"/>
    </row>
    <row r="43" spans="2:19" s="112" customFormat="1" ht="14.1" customHeight="1">
      <c r="B43" s="392"/>
      <c r="C43" s="96"/>
      <c r="D43" s="96"/>
      <c r="E43" s="99"/>
      <c r="F43" s="99"/>
      <c r="G43" s="99"/>
      <c r="H43" s="99"/>
      <c r="I43" s="99"/>
      <c r="J43" s="99"/>
      <c r="K43" s="97"/>
      <c r="L43" s="97"/>
      <c r="M43" s="97"/>
      <c r="N43" s="97"/>
      <c r="O43" s="97"/>
      <c r="P43" s="97"/>
      <c r="Q43" s="97"/>
      <c r="R43" s="97"/>
      <c r="S43" s="97"/>
    </row>
    <row r="44" spans="2:19" s="112" customFormat="1" ht="14.1" customHeight="1">
      <c r="B44" s="392"/>
      <c r="C44" s="96"/>
      <c r="D44" s="96"/>
      <c r="E44" s="99"/>
      <c r="F44" s="99"/>
      <c r="G44" s="99"/>
      <c r="H44" s="99"/>
      <c r="I44" s="99"/>
      <c r="J44" s="99"/>
      <c r="K44" s="97"/>
      <c r="L44" s="97"/>
      <c r="M44" s="97"/>
      <c r="N44" s="97"/>
      <c r="O44" s="97"/>
      <c r="P44" s="97"/>
      <c r="Q44" s="97"/>
      <c r="R44" s="97"/>
      <c r="S44" s="97"/>
    </row>
    <row r="45" spans="2:19" s="57" customFormat="1">
      <c r="B45" s="99"/>
      <c r="C45" s="96"/>
      <c r="D45" s="96"/>
      <c r="E45" s="99"/>
      <c r="F45" s="99"/>
      <c r="G45" s="99"/>
      <c r="H45" s="99"/>
      <c r="I45" s="99"/>
      <c r="J45" s="99"/>
      <c r="K45" s="97"/>
      <c r="L45" s="97"/>
      <c r="M45" s="97"/>
      <c r="N45" s="97"/>
      <c r="O45" s="97"/>
      <c r="P45" s="97"/>
      <c r="Q45" s="97"/>
      <c r="R45" s="97"/>
      <c r="S45" s="97"/>
    </row>
    <row r="46" spans="2:19">
      <c r="B46" s="99"/>
      <c r="E46" s="99"/>
      <c r="F46" s="99"/>
      <c r="G46" s="99"/>
      <c r="H46" s="99"/>
      <c r="I46" s="99"/>
    </row>
    <row r="47" spans="2:19" s="112" customFormat="1">
      <c r="B47" s="99"/>
      <c r="C47" s="96"/>
      <c r="D47" s="96"/>
      <c r="E47" s="99"/>
      <c r="F47" s="99"/>
      <c r="G47" s="99"/>
      <c r="H47" s="99"/>
      <c r="I47" s="99"/>
      <c r="J47" s="99"/>
      <c r="K47" s="97"/>
      <c r="L47" s="97"/>
      <c r="M47" s="97"/>
      <c r="N47" s="97"/>
      <c r="O47" s="97"/>
      <c r="P47" s="97"/>
      <c r="Q47" s="97"/>
      <c r="R47" s="97"/>
      <c r="S47" s="97"/>
    </row>
    <row r="48" spans="2:19">
      <c r="B48" s="99"/>
      <c r="E48" s="99"/>
      <c r="F48" s="99"/>
      <c r="G48" s="99"/>
      <c r="H48" s="99"/>
      <c r="I48" s="99"/>
    </row>
    <row r="49" spans="2:10">
      <c r="B49" s="99"/>
      <c r="E49" s="99"/>
      <c r="F49" s="99"/>
      <c r="G49" s="99"/>
      <c r="H49" s="99"/>
      <c r="I49" s="99"/>
    </row>
    <row r="50" spans="2:10">
      <c r="B50" s="99"/>
      <c r="E50" s="99"/>
      <c r="F50" s="99"/>
      <c r="G50" s="99"/>
      <c r="H50" s="99"/>
      <c r="I50" s="99"/>
    </row>
    <row r="51" spans="2:10">
      <c r="B51" s="99"/>
      <c r="E51" s="99"/>
      <c r="F51" s="99"/>
      <c r="G51" s="99"/>
      <c r="H51" s="99"/>
      <c r="I51" s="99"/>
    </row>
    <row r="52" spans="2:10">
      <c r="B52" s="99"/>
      <c r="E52" s="99"/>
      <c r="F52" s="99"/>
      <c r="G52" s="99"/>
      <c r="H52" s="99"/>
      <c r="I52" s="99"/>
    </row>
    <row r="53" spans="2:10">
      <c r="B53" s="99"/>
      <c r="E53" s="99"/>
      <c r="F53" s="99"/>
      <c r="G53" s="99"/>
      <c r="H53" s="99"/>
      <c r="I53" s="99"/>
      <c r="J53" s="97"/>
    </row>
    <row r="54" spans="2:10">
      <c r="B54" s="99"/>
      <c r="E54" s="99"/>
      <c r="F54" s="99"/>
      <c r="G54" s="99"/>
      <c r="H54" s="99"/>
      <c r="I54" s="99"/>
      <c r="J54" s="97"/>
    </row>
    <row r="55" spans="2:10">
      <c r="B55" s="99"/>
      <c r="E55" s="99"/>
      <c r="F55" s="99"/>
      <c r="G55" s="99"/>
      <c r="H55" s="99"/>
      <c r="I55" s="99"/>
      <c r="J55" s="97"/>
    </row>
    <row r="56" spans="2:10">
      <c r="B56" s="99"/>
      <c r="E56" s="99"/>
      <c r="F56" s="99"/>
      <c r="G56" s="99"/>
      <c r="H56" s="99"/>
      <c r="I56" s="99"/>
      <c r="J56" s="97"/>
    </row>
    <row r="57" spans="2:10">
      <c r="B57" s="99"/>
      <c r="E57" s="99"/>
      <c r="F57" s="99"/>
      <c r="G57" s="99"/>
      <c r="H57" s="99"/>
      <c r="I57" s="99"/>
      <c r="J57" s="97"/>
    </row>
    <row r="58" spans="2:10">
      <c r="B58" s="99"/>
      <c r="E58" s="99"/>
      <c r="F58" s="99"/>
      <c r="G58" s="99"/>
      <c r="H58" s="99"/>
      <c r="I58" s="99"/>
      <c r="J58" s="97"/>
    </row>
    <row r="59" spans="2:10">
      <c r="B59" s="99"/>
      <c r="E59" s="99"/>
      <c r="F59" s="99"/>
      <c r="G59" s="99"/>
      <c r="H59" s="99"/>
      <c r="I59" s="99"/>
      <c r="J59" s="97"/>
    </row>
    <row r="60" spans="2:10">
      <c r="B60" s="99"/>
      <c r="E60" s="99"/>
      <c r="F60" s="99"/>
      <c r="G60" s="99"/>
      <c r="H60" s="99"/>
      <c r="I60" s="99"/>
      <c r="J60" s="97"/>
    </row>
    <row r="61" spans="2:10">
      <c r="B61" s="99"/>
      <c r="E61" s="99"/>
      <c r="F61" s="99"/>
      <c r="G61" s="99"/>
      <c r="H61" s="99"/>
      <c r="I61" s="99"/>
      <c r="J61" s="97"/>
    </row>
    <row r="62" spans="2:10">
      <c r="B62" s="99"/>
      <c r="E62" s="99"/>
      <c r="F62" s="99"/>
      <c r="G62" s="99"/>
      <c r="H62" s="99"/>
      <c r="I62" s="99"/>
      <c r="J62" s="97"/>
    </row>
    <row r="63" spans="2:10">
      <c r="B63" s="99"/>
      <c r="E63" s="99"/>
      <c r="F63" s="99"/>
      <c r="G63" s="99"/>
      <c r="H63" s="99"/>
      <c r="I63" s="99"/>
      <c r="J63" s="97"/>
    </row>
    <row r="64" spans="2:10">
      <c r="B64" s="99"/>
      <c r="E64" s="99"/>
      <c r="F64" s="99"/>
      <c r="G64" s="99"/>
      <c r="H64" s="99"/>
      <c r="I64" s="99"/>
      <c r="J64" s="97"/>
    </row>
    <row r="65" spans="2:19">
      <c r="B65" s="99"/>
      <c r="E65" s="99"/>
      <c r="F65" s="99"/>
      <c r="G65" s="99"/>
      <c r="H65" s="99"/>
      <c r="I65" s="99"/>
      <c r="J65" s="97"/>
    </row>
    <row r="66" spans="2:19">
      <c r="B66" s="99"/>
      <c r="E66" s="99"/>
      <c r="F66" s="99"/>
      <c r="G66" s="99"/>
      <c r="H66" s="99"/>
      <c r="I66" s="99"/>
      <c r="J66" s="97"/>
    </row>
    <row r="67" spans="2:19">
      <c r="B67" s="99"/>
      <c r="E67" s="99"/>
      <c r="F67" s="99"/>
      <c r="G67" s="99"/>
      <c r="H67" s="99"/>
      <c r="I67" s="99"/>
      <c r="J67" s="97"/>
    </row>
    <row r="68" spans="2:19">
      <c r="B68" s="99"/>
      <c r="E68" s="99"/>
      <c r="F68" s="99"/>
      <c r="G68" s="99"/>
      <c r="H68" s="99"/>
      <c r="I68" s="99"/>
      <c r="J68" s="97"/>
    </row>
    <row r="69" spans="2:19">
      <c r="B69" s="99"/>
      <c r="E69" s="99"/>
      <c r="F69" s="99"/>
      <c r="G69" s="99"/>
      <c r="H69" s="99"/>
      <c r="I69" s="99"/>
      <c r="J69" s="97"/>
    </row>
    <row r="70" spans="2:19" s="129" customFormat="1" ht="20.25" customHeight="1">
      <c r="B70" s="99"/>
      <c r="C70" s="96"/>
      <c r="D70" s="96"/>
      <c r="E70" s="99"/>
      <c r="F70" s="99"/>
      <c r="G70" s="99"/>
      <c r="H70" s="99"/>
      <c r="I70" s="99"/>
      <c r="J70" s="97"/>
      <c r="K70" s="97"/>
      <c r="L70" s="97"/>
      <c r="M70" s="97"/>
      <c r="N70" s="97"/>
      <c r="O70" s="97"/>
      <c r="P70" s="97"/>
      <c r="Q70" s="97"/>
      <c r="R70" s="97"/>
      <c r="S70" s="97"/>
    </row>
    <row r="71" spans="2:19" s="129" customFormat="1" ht="13.5" customHeight="1">
      <c r="B71" s="99"/>
      <c r="C71" s="96"/>
      <c r="D71" s="96"/>
      <c r="E71" s="99"/>
      <c r="F71" s="99"/>
      <c r="G71" s="99"/>
      <c r="H71" s="99"/>
      <c r="I71" s="99"/>
      <c r="J71" s="97"/>
      <c r="K71" s="97"/>
      <c r="L71" s="97"/>
      <c r="M71" s="97"/>
      <c r="N71" s="97"/>
      <c r="O71" s="97"/>
      <c r="P71" s="97"/>
      <c r="Q71" s="97"/>
      <c r="R71" s="97"/>
      <c r="S71" s="97"/>
    </row>
    <row r="72" spans="2:19">
      <c r="B72" s="99"/>
      <c r="E72" s="99"/>
      <c r="F72" s="99"/>
      <c r="G72" s="99"/>
      <c r="H72" s="99"/>
      <c r="I72" s="99"/>
      <c r="J72" s="97"/>
    </row>
    <row r="73" spans="2:19">
      <c r="B73" s="99"/>
      <c r="E73" s="99"/>
      <c r="F73" s="99"/>
      <c r="G73" s="99"/>
      <c r="H73" s="99"/>
      <c r="I73" s="99"/>
      <c r="J73" s="97"/>
    </row>
    <row r="74" spans="2:19">
      <c r="B74" s="99"/>
      <c r="E74" s="99"/>
      <c r="F74" s="99"/>
      <c r="G74" s="99"/>
      <c r="H74" s="99"/>
      <c r="I74" s="99"/>
      <c r="J74" s="97"/>
    </row>
    <row r="75" spans="2:19">
      <c r="B75" s="99"/>
      <c r="E75" s="99"/>
      <c r="F75" s="99"/>
      <c r="G75" s="99"/>
      <c r="H75" s="99"/>
      <c r="I75" s="99"/>
      <c r="J75" s="97"/>
    </row>
    <row r="76" spans="2:19">
      <c r="B76" s="99"/>
      <c r="E76" s="99"/>
      <c r="F76" s="99"/>
      <c r="G76" s="99"/>
      <c r="H76" s="99"/>
      <c r="I76" s="99"/>
      <c r="J76" s="97"/>
    </row>
    <row r="77" spans="2:19">
      <c r="B77" s="99"/>
      <c r="E77" s="99"/>
      <c r="F77" s="99"/>
      <c r="G77" s="99"/>
      <c r="H77" s="99"/>
      <c r="I77" s="99"/>
      <c r="J77" s="97"/>
    </row>
    <row r="78" spans="2:19">
      <c r="B78" s="99"/>
      <c r="E78" s="99"/>
      <c r="F78" s="99"/>
      <c r="G78" s="99"/>
      <c r="H78" s="99"/>
      <c r="I78" s="99"/>
      <c r="J78" s="97"/>
    </row>
    <row r="79" spans="2:19">
      <c r="B79" s="99"/>
      <c r="E79" s="99"/>
      <c r="F79" s="99"/>
      <c r="G79" s="99"/>
      <c r="H79" s="99"/>
      <c r="I79" s="99"/>
      <c r="J79" s="97"/>
    </row>
    <row r="80" spans="2:19">
      <c r="B80" s="99"/>
      <c r="E80" s="99"/>
      <c r="F80" s="99"/>
      <c r="G80" s="99"/>
      <c r="H80" s="99"/>
      <c r="I80" s="99"/>
      <c r="J80" s="97"/>
    </row>
    <row r="81" spans="2:10">
      <c r="B81" s="99"/>
      <c r="E81" s="99"/>
      <c r="F81" s="99"/>
      <c r="G81" s="99"/>
      <c r="H81" s="99"/>
      <c r="I81" s="99"/>
      <c r="J81" s="97"/>
    </row>
    <row r="82" spans="2:10">
      <c r="B82" s="99"/>
      <c r="E82" s="99"/>
      <c r="F82" s="99"/>
      <c r="G82" s="99"/>
      <c r="H82" s="99"/>
      <c r="I82" s="99"/>
      <c r="J82" s="97"/>
    </row>
    <row r="83" spans="2:10">
      <c r="B83" s="99"/>
      <c r="E83" s="99"/>
      <c r="F83" s="99"/>
      <c r="G83" s="99"/>
      <c r="H83" s="99"/>
      <c r="I83" s="99"/>
      <c r="J83" s="97"/>
    </row>
    <row r="84" spans="2:10">
      <c r="B84" s="99"/>
      <c r="E84" s="99"/>
      <c r="F84" s="99"/>
      <c r="G84" s="99"/>
      <c r="H84" s="99"/>
      <c r="I84" s="99"/>
      <c r="J84" s="97"/>
    </row>
    <row r="85" spans="2:10">
      <c r="B85" s="99"/>
      <c r="E85" s="99"/>
      <c r="F85" s="99"/>
      <c r="G85" s="99"/>
      <c r="H85" s="99"/>
      <c r="I85" s="99"/>
      <c r="J85" s="97"/>
    </row>
    <row r="86" spans="2:10">
      <c r="B86" s="99"/>
      <c r="E86" s="99"/>
      <c r="F86" s="99"/>
      <c r="G86" s="99"/>
      <c r="H86" s="99"/>
      <c r="I86" s="99"/>
      <c r="J86" s="97"/>
    </row>
    <row r="87" spans="2:10">
      <c r="B87" s="99"/>
      <c r="E87" s="99"/>
      <c r="F87" s="99"/>
      <c r="G87" s="99"/>
      <c r="H87" s="99"/>
      <c r="I87" s="99"/>
      <c r="J87" s="97"/>
    </row>
    <row r="88" spans="2:10">
      <c r="B88" s="99"/>
      <c r="E88" s="99"/>
      <c r="F88" s="99"/>
      <c r="G88" s="99"/>
      <c r="H88" s="99"/>
      <c r="I88" s="99"/>
      <c r="J88" s="97"/>
    </row>
    <row r="89" spans="2:10">
      <c r="B89" s="99"/>
      <c r="E89" s="99"/>
      <c r="F89" s="99"/>
      <c r="G89" s="99"/>
      <c r="H89" s="99"/>
      <c r="I89" s="99"/>
      <c r="J89" s="97"/>
    </row>
    <row r="90" spans="2:10">
      <c r="B90" s="99"/>
      <c r="E90" s="99"/>
      <c r="F90" s="99"/>
      <c r="G90" s="99"/>
      <c r="H90" s="99"/>
      <c r="I90" s="99"/>
      <c r="J90" s="97"/>
    </row>
    <row r="91" spans="2:10">
      <c r="B91" s="99"/>
      <c r="E91" s="99"/>
      <c r="F91" s="99"/>
      <c r="G91" s="99"/>
      <c r="H91" s="99"/>
      <c r="I91" s="99"/>
      <c r="J91" s="97"/>
    </row>
    <row r="92" spans="2:10">
      <c r="B92" s="99"/>
      <c r="E92" s="99"/>
      <c r="F92" s="99"/>
      <c r="G92" s="99"/>
      <c r="H92" s="99"/>
      <c r="I92" s="99"/>
      <c r="J92" s="97"/>
    </row>
    <row r="93" spans="2:10">
      <c r="B93" s="99"/>
      <c r="E93" s="99"/>
      <c r="F93" s="99"/>
      <c r="G93" s="99"/>
      <c r="H93" s="99"/>
      <c r="I93" s="99"/>
      <c r="J93" s="97"/>
    </row>
    <row r="94" spans="2:10">
      <c r="B94" s="99"/>
      <c r="E94" s="99"/>
      <c r="F94" s="99"/>
      <c r="G94" s="99"/>
      <c r="H94" s="99"/>
      <c r="I94" s="99"/>
      <c r="J94" s="97"/>
    </row>
    <row r="95" spans="2:10">
      <c r="B95" s="99"/>
      <c r="E95" s="99"/>
      <c r="F95" s="99"/>
      <c r="G95" s="99"/>
      <c r="H95" s="99"/>
      <c r="I95" s="99"/>
      <c r="J95" s="97"/>
    </row>
    <row r="96" spans="2:10">
      <c r="B96" s="99"/>
      <c r="E96" s="99"/>
      <c r="F96" s="99"/>
      <c r="G96" s="99"/>
      <c r="H96" s="99"/>
      <c r="I96" s="99"/>
      <c r="J96" s="97"/>
    </row>
    <row r="97" spans="2:10">
      <c r="B97" s="99"/>
      <c r="E97" s="99"/>
      <c r="F97" s="99"/>
      <c r="G97" s="99"/>
      <c r="H97" s="99"/>
      <c r="I97" s="99"/>
      <c r="J97" s="97"/>
    </row>
    <row r="98" spans="2:10">
      <c r="B98" s="99"/>
      <c r="E98" s="99"/>
      <c r="F98" s="99"/>
      <c r="G98" s="99"/>
      <c r="H98" s="99"/>
      <c r="I98" s="99"/>
      <c r="J98" s="97"/>
    </row>
    <row r="99" spans="2:10">
      <c r="B99" s="99"/>
      <c r="E99" s="99"/>
      <c r="F99" s="99"/>
      <c r="G99" s="99"/>
      <c r="H99" s="99"/>
      <c r="I99" s="99"/>
      <c r="J99" s="97"/>
    </row>
    <row r="100" spans="2:10">
      <c r="B100" s="99"/>
      <c r="E100" s="99"/>
      <c r="F100" s="99"/>
      <c r="G100" s="99"/>
      <c r="H100" s="99"/>
      <c r="I100" s="99"/>
      <c r="J100" s="97"/>
    </row>
    <row r="101" spans="2:10">
      <c r="B101" s="99"/>
      <c r="E101" s="99"/>
      <c r="F101" s="99"/>
      <c r="G101" s="99"/>
      <c r="H101" s="99"/>
      <c r="I101" s="99"/>
      <c r="J101" s="97"/>
    </row>
    <row r="102" spans="2:10">
      <c r="B102" s="99"/>
      <c r="E102" s="99"/>
      <c r="F102" s="99"/>
      <c r="G102" s="99"/>
      <c r="H102" s="99"/>
      <c r="I102" s="99"/>
      <c r="J102" s="97"/>
    </row>
    <row r="103" spans="2:10">
      <c r="B103" s="99"/>
      <c r="E103" s="99"/>
      <c r="F103" s="99"/>
      <c r="G103" s="99"/>
      <c r="H103" s="99"/>
      <c r="I103" s="99"/>
      <c r="J103" s="97"/>
    </row>
    <row r="104" spans="2:10">
      <c r="B104" s="99"/>
      <c r="E104" s="99"/>
      <c r="F104" s="99"/>
      <c r="G104" s="99"/>
      <c r="H104" s="99"/>
      <c r="I104" s="99"/>
      <c r="J104" s="97"/>
    </row>
    <row r="105" spans="2:10">
      <c r="B105" s="99"/>
      <c r="E105" s="99"/>
      <c r="F105" s="99"/>
      <c r="G105" s="99"/>
      <c r="H105" s="99"/>
      <c r="I105" s="99"/>
      <c r="J105" s="97"/>
    </row>
    <row r="106" spans="2:10">
      <c r="B106" s="99"/>
      <c r="E106" s="99"/>
      <c r="F106" s="99"/>
      <c r="G106" s="99"/>
      <c r="H106" s="99"/>
      <c r="I106" s="99"/>
      <c r="J106" s="97"/>
    </row>
    <row r="107" spans="2:10">
      <c r="B107" s="99"/>
      <c r="E107" s="99"/>
      <c r="F107" s="99"/>
      <c r="G107" s="99"/>
      <c r="H107" s="99"/>
      <c r="I107" s="99"/>
      <c r="J107" s="97"/>
    </row>
    <row r="108" spans="2:10">
      <c r="B108" s="99"/>
      <c r="E108" s="99"/>
      <c r="F108" s="99"/>
      <c r="G108" s="99"/>
      <c r="H108" s="99"/>
      <c r="I108" s="99"/>
      <c r="J108" s="97"/>
    </row>
    <row r="109" spans="2:10">
      <c r="B109" s="99"/>
      <c r="E109" s="99"/>
      <c r="F109" s="99"/>
      <c r="G109" s="99"/>
      <c r="H109" s="99"/>
      <c r="I109" s="99"/>
      <c r="J109" s="97"/>
    </row>
    <row r="110" spans="2:10">
      <c r="B110" s="99"/>
      <c r="E110" s="99"/>
      <c r="F110" s="99"/>
      <c r="G110" s="99"/>
      <c r="H110" s="99"/>
      <c r="I110" s="99"/>
      <c r="J110" s="97"/>
    </row>
    <row r="111" spans="2:10">
      <c r="B111" s="99"/>
      <c r="E111" s="99"/>
      <c r="F111" s="99"/>
      <c r="G111" s="99"/>
      <c r="H111" s="99"/>
      <c r="I111" s="99"/>
      <c r="J111" s="97"/>
    </row>
    <row r="112" spans="2:10">
      <c r="B112" s="99"/>
      <c r="E112" s="99"/>
      <c r="F112" s="99"/>
      <c r="G112" s="99"/>
      <c r="H112" s="99"/>
      <c r="I112" s="99"/>
      <c r="J112" s="97"/>
    </row>
    <row r="113" spans="2:10">
      <c r="B113" s="99"/>
      <c r="E113" s="99"/>
      <c r="F113" s="99"/>
      <c r="G113" s="99"/>
      <c r="H113" s="99"/>
      <c r="I113" s="99"/>
      <c r="J113" s="97"/>
    </row>
    <row r="114" spans="2:10">
      <c r="B114" s="99"/>
      <c r="E114" s="99"/>
      <c r="F114" s="99"/>
      <c r="G114" s="99"/>
      <c r="H114" s="99"/>
      <c r="I114" s="99"/>
      <c r="J114" s="97"/>
    </row>
    <row r="115" spans="2:10">
      <c r="B115" s="99"/>
      <c r="E115" s="99"/>
      <c r="F115" s="99"/>
      <c r="G115" s="99"/>
      <c r="H115" s="99"/>
      <c r="I115" s="99"/>
      <c r="J115" s="97"/>
    </row>
    <row r="116" spans="2:10">
      <c r="B116" s="99"/>
      <c r="E116" s="99"/>
      <c r="F116" s="99"/>
      <c r="G116" s="99"/>
      <c r="H116" s="99"/>
      <c r="I116" s="99"/>
      <c r="J116" s="97"/>
    </row>
    <row r="117" spans="2:10">
      <c r="B117" s="99"/>
      <c r="E117" s="99"/>
      <c r="F117" s="99"/>
      <c r="G117" s="99"/>
      <c r="H117" s="99"/>
      <c r="I117" s="99"/>
      <c r="J117" s="97"/>
    </row>
    <row r="118" spans="2:10">
      <c r="B118" s="99"/>
      <c r="E118" s="99"/>
      <c r="F118" s="99"/>
      <c r="G118" s="99"/>
      <c r="H118" s="99"/>
      <c r="I118" s="99"/>
      <c r="J118" s="97"/>
    </row>
    <row r="119" spans="2:10">
      <c r="B119" s="99"/>
      <c r="E119" s="99"/>
      <c r="F119" s="99"/>
      <c r="G119" s="99"/>
      <c r="H119" s="99"/>
      <c r="I119" s="99"/>
      <c r="J119" s="97"/>
    </row>
    <row r="120" spans="2:10">
      <c r="B120" s="99"/>
      <c r="E120" s="99"/>
      <c r="F120" s="99"/>
      <c r="G120" s="99"/>
      <c r="H120" s="99"/>
      <c r="I120" s="99"/>
      <c r="J120" s="97"/>
    </row>
    <row r="121" spans="2:10">
      <c r="B121" s="99"/>
      <c r="E121" s="99"/>
      <c r="F121" s="99"/>
      <c r="G121" s="99"/>
      <c r="H121" s="99"/>
      <c r="I121" s="99"/>
      <c r="J121" s="97"/>
    </row>
    <row r="122" spans="2:10">
      <c r="B122" s="99"/>
      <c r="E122" s="99"/>
      <c r="F122" s="99"/>
      <c r="G122" s="99"/>
      <c r="H122" s="99"/>
      <c r="I122" s="99"/>
      <c r="J122" s="97"/>
    </row>
    <row r="123" spans="2:10">
      <c r="B123" s="99"/>
      <c r="E123" s="99"/>
      <c r="F123" s="99"/>
      <c r="G123" s="99"/>
      <c r="H123" s="99"/>
      <c r="I123" s="99"/>
      <c r="J123" s="97"/>
    </row>
    <row r="124" spans="2:10">
      <c r="B124" s="99"/>
      <c r="E124" s="99"/>
      <c r="F124" s="99"/>
      <c r="G124" s="99"/>
      <c r="H124" s="99"/>
      <c r="I124" s="99"/>
      <c r="J124" s="97"/>
    </row>
    <row r="125" spans="2:10">
      <c r="B125" s="99"/>
      <c r="E125" s="99"/>
      <c r="F125" s="99"/>
      <c r="G125" s="99"/>
      <c r="H125" s="99"/>
      <c r="I125" s="99"/>
      <c r="J125" s="97"/>
    </row>
    <row r="126" spans="2:10">
      <c r="B126" s="99"/>
      <c r="E126" s="99"/>
      <c r="F126" s="99"/>
      <c r="G126" s="99"/>
      <c r="H126" s="99"/>
      <c r="I126" s="99"/>
      <c r="J126" s="97"/>
    </row>
    <row r="127" spans="2:10">
      <c r="B127" s="99"/>
      <c r="E127" s="99"/>
      <c r="F127" s="99"/>
      <c r="G127" s="99"/>
      <c r="H127" s="99"/>
      <c r="I127" s="99"/>
      <c r="J127" s="97"/>
    </row>
    <row r="128" spans="2:10">
      <c r="B128" s="99"/>
      <c r="E128" s="99"/>
      <c r="F128" s="99"/>
      <c r="G128" s="99"/>
      <c r="H128" s="99"/>
      <c r="I128" s="99"/>
      <c r="J128" s="97"/>
    </row>
    <row r="129" spans="2:10">
      <c r="B129" s="99"/>
      <c r="E129" s="99"/>
      <c r="F129" s="99"/>
      <c r="G129" s="99"/>
      <c r="H129" s="99"/>
      <c r="I129" s="99"/>
      <c r="J129" s="97"/>
    </row>
    <row r="130" spans="2:10">
      <c r="B130" s="99"/>
      <c r="E130" s="99"/>
      <c r="F130" s="99"/>
      <c r="G130" s="99"/>
      <c r="H130" s="99"/>
      <c r="I130" s="99"/>
      <c r="J130" s="97"/>
    </row>
    <row r="131" spans="2:10">
      <c r="B131" s="99"/>
      <c r="E131" s="99"/>
      <c r="F131" s="99"/>
      <c r="G131" s="99"/>
      <c r="H131" s="99"/>
      <c r="I131" s="99"/>
      <c r="J131" s="97"/>
    </row>
    <row r="132" spans="2:10">
      <c r="B132" s="99"/>
      <c r="E132" s="99"/>
      <c r="F132" s="99"/>
      <c r="G132" s="99"/>
      <c r="H132" s="99"/>
      <c r="I132" s="99"/>
      <c r="J132" s="97"/>
    </row>
    <row r="133" spans="2:10">
      <c r="B133" s="99"/>
      <c r="E133" s="99"/>
      <c r="F133" s="99"/>
      <c r="G133" s="99"/>
      <c r="H133" s="99"/>
      <c r="I133" s="99"/>
      <c r="J133" s="97"/>
    </row>
    <row r="134" spans="2:10">
      <c r="B134" s="99"/>
      <c r="E134" s="99"/>
      <c r="F134" s="99"/>
      <c r="G134" s="99"/>
      <c r="H134" s="99"/>
      <c r="I134" s="99"/>
      <c r="J134" s="97"/>
    </row>
    <row r="135" spans="2:10">
      <c r="B135" s="99"/>
      <c r="E135" s="99"/>
      <c r="F135" s="99"/>
      <c r="G135" s="99"/>
      <c r="H135" s="99"/>
      <c r="I135" s="99"/>
      <c r="J135" s="97"/>
    </row>
    <row r="136" spans="2:10">
      <c r="B136" s="99"/>
      <c r="E136" s="99"/>
      <c r="F136" s="99"/>
      <c r="G136" s="99"/>
      <c r="H136" s="99"/>
      <c r="I136" s="99"/>
      <c r="J136" s="97"/>
    </row>
    <row r="137" spans="2:10">
      <c r="B137" s="99"/>
      <c r="E137" s="99"/>
      <c r="F137" s="99"/>
      <c r="G137" s="99"/>
      <c r="H137" s="99"/>
      <c r="I137" s="99"/>
      <c r="J137" s="97"/>
    </row>
    <row r="138" spans="2:10">
      <c r="B138" s="99"/>
      <c r="E138" s="99"/>
      <c r="F138" s="99"/>
      <c r="G138" s="99"/>
      <c r="H138" s="99"/>
      <c r="I138" s="99"/>
      <c r="J138" s="97"/>
    </row>
    <row r="139" spans="2:10">
      <c r="B139" s="99"/>
      <c r="E139" s="99"/>
      <c r="F139" s="99"/>
      <c r="G139" s="99"/>
      <c r="H139" s="99"/>
      <c r="I139" s="99"/>
      <c r="J139" s="97"/>
    </row>
    <row r="140" spans="2:10">
      <c r="B140" s="99"/>
      <c r="E140" s="99"/>
      <c r="F140" s="99"/>
      <c r="G140" s="99"/>
      <c r="H140" s="99"/>
      <c r="I140" s="99"/>
      <c r="J140" s="97"/>
    </row>
    <row r="141" spans="2:10">
      <c r="B141" s="99"/>
      <c r="E141" s="99"/>
      <c r="F141" s="99"/>
      <c r="G141" s="99"/>
      <c r="H141" s="99"/>
      <c r="I141" s="99"/>
      <c r="J141" s="97"/>
    </row>
    <row r="142" spans="2:10">
      <c r="B142" s="99"/>
      <c r="E142" s="99"/>
      <c r="F142" s="99"/>
      <c r="G142" s="99"/>
      <c r="H142" s="99"/>
      <c r="I142" s="99"/>
      <c r="J142" s="97"/>
    </row>
    <row r="143" spans="2:10">
      <c r="B143" s="99"/>
      <c r="E143" s="99"/>
      <c r="F143" s="99"/>
      <c r="G143" s="99"/>
      <c r="H143" s="99"/>
      <c r="I143" s="99"/>
      <c r="J143" s="97"/>
    </row>
    <row r="144" spans="2:10">
      <c r="B144" s="99"/>
      <c r="E144" s="99"/>
      <c r="F144" s="99"/>
      <c r="G144" s="99"/>
      <c r="H144" s="99"/>
      <c r="I144" s="99"/>
      <c r="J144" s="97"/>
    </row>
    <row r="145" spans="2:10">
      <c r="B145" s="99"/>
      <c r="E145" s="99"/>
      <c r="F145" s="99"/>
      <c r="G145" s="99"/>
      <c r="H145" s="99"/>
      <c r="I145" s="99"/>
      <c r="J145" s="97"/>
    </row>
    <row r="146" spans="2:10">
      <c r="B146" s="99"/>
      <c r="E146" s="99"/>
      <c r="F146" s="99"/>
      <c r="G146" s="99"/>
      <c r="H146" s="99"/>
      <c r="I146" s="99"/>
      <c r="J146" s="97"/>
    </row>
    <row r="147" spans="2:10">
      <c r="B147" s="99"/>
      <c r="E147" s="99"/>
      <c r="F147" s="99"/>
      <c r="G147" s="99"/>
      <c r="H147" s="99"/>
      <c r="I147" s="99"/>
      <c r="J147" s="97"/>
    </row>
    <row r="148" spans="2:10">
      <c r="B148" s="99"/>
      <c r="E148" s="99"/>
      <c r="F148" s="99"/>
      <c r="G148" s="99"/>
      <c r="H148" s="99"/>
      <c r="I148" s="99"/>
      <c r="J148" s="97"/>
    </row>
    <row r="149" spans="2:10">
      <c r="B149" s="99"/>
      <c r="E149" s="99"/>
      <c r="F149" s="99"/>
      <c r="G149" s="99"/>
      <c r="H149" s="99"/>
      <c r="I149" s="99"/>
      <c r="J149" s="97"/>
    </row>
    <row r="150" spans="2:10">
      <c r="B150" s="99"/>
      <c r="E150" s="99"/>
      <c r="F150" s="99"/>
      <c r="G150" s="99"/>
      <c r="H150" s="99"/>
      <c r="I150" s="99"/>
      <c r="J150" s="97"/>
    </row>
    <row r="151" spans="2:10">
      <c r="B151" s="99"/>
      <c r="E151" s="99"/>
      <c r="F151" s="99"/>
      <c r="G151" s="99"/>
      <c r="H151" s="99"/>
      <c r="I151" s="99"/>
      <c r="J151" s="97"/>
    </row>
    <row r="152" spans="2:10">
      <c r="B152" s="99"/>
      <c r="E152" s="99"/>
      <c r="F152" s="99"/>
      <c r="G152" s="99"/>
      <c r="H152" s="99"/>
      <c r="I152" s="99"/>
      <c r="J152" s="97"/>
    </row>
    <row r="153" spans="2:10">
      <c r="B153" s="99"/>
      <c r="E153" s="99"/>
      <c r="F153" s="99"/>
      <c r="G153" s="99"/>
      <c r="H153" s="99"/>
      <c r="I153" s="99"/>
      <c r="J153" s="97"/>
    </row>
    <row r="154" spans="2:10">
      <c r="B154" s="99"/>
      <c r="E154" s="99"/>
      <c r="F154" s="99"/>
      <c r="G154" s="99"/>
      <c r="H154" s="99"/>
      <c r="I154" s="99"/>
      <c r="J154" s="97"/>
    </row>
    <row r="155" spans="2:10">
      <c r="B155" s="99"/>
      <c r="E155" s="99"/>
      <c r="F155" s="99"/>
      <c r="G155" s="99"/>
      <c r="H155" s="99"/>
      <c r="I155" s="99"/>
      <c r="J155" s="97"/>
    </row>
    <row r="156" spans="2:10">
      <c r="B156" s="99"/>
      <c r="E156" s="99"/>
      <c r="F156" s="99"/>
      <c r="G156" s="99"/>
      <c r="H156" s="99"/>
      <c r="I156" s="99"/>
      <c r="J156" s="97"/>
    </row>
    <row r="157" spans="2:10">
      <c r="B157" s="99"/>
      <c r="E157" s="99"/>
      <c r="F157" s="99"/>
      <c r="G157" s="99"/>
      <c r="H157" s="99"/>
      <c r="I157" s="99"/>
      <c r="J157" s="97"/>
    </row>
    <row r="158" spans="2:10">
      <c r="B158" s="99"/>
      <c r="E158" s="99"/>
      <c r="F158" s="99"/>
      <c r="G158" s="99"/>
      <c r="H158" s="99"/>
      <c r="I158" s="99"/>
      <c r="J158" s="97"/>
    </row>
    <row r="159" spans="2:10">
      <c r="B159" s="99"/>
      <c r="E159" s="99"/>
      <c r="F159" s="99"/>
      <c r="G159" s="99"/>
      <c r="H159" s="99"/>
      <c r="I159" s="99"/>
      <c r="J159" s="97"/>
    </row>
    <row r="160" spans="2:10">
      <c r="B160" s="99"/>
      <c r="E160" s="99"/>
      <c r="F160" s="99"/>
      <c r="G160" s="99"/>
      <c r="H160" s="99"/>
      <c r="I160" s="99"/>
      <c r="J160" s="97"/>
    </row>
    <row r="161" spans="2:10">
      <c r="B161" s="99"/>
      <c r="E161" s="99"/>
      <c r="F161" s="99"/>
      <c r="G161" s="99"/>
      <c r="H161" s="99"/>
      <c r="I161" s="99"/>
      <c r="J161" s="97"/>
    </row>
    <row r="162" spans="2:10">
      <c r="B162" s="99"/>
      <c r="E162" s="99"/>
      <c r="F162" s="99"/>
      <c r="G162" s="99"/>
      <c r="H162" s="99"/>
      <c r="I162" s="99"/>
      <c r="J162" s="97"/>
    </row>
    <row r="163" spans="2:10">
      <c r="B163" s="99"/>
      <c r="E163" s="99"/>
      <c r="F163" s="99"/>
      <c r="G163" s="99"/>
      <c r="H163" s="99"/>
      <c r="I163" s="99"/>
      <c r="J163" s="97"/>
    </row>
    <row r="164" spans="2:10">
      <c r="B164" s="99"/>
      <c r="E164" s="99"/>
      <c r="F164" s="99"/>
      <c r="G164" s="99"/>
      <c r="H164" s="99"/>
      <c r="I164" s="99"/>
      <c r="J164" s="97"/>
    </row>
    <row r="165" spans="2:10">
      <c r="B165" s="99"/>
      <c r="E165" s="99"/>
      <c r="F165" s="99"/>
      <c r="G165" s="99"/>
      <c r="H165" s="99"/>
      <c r="I165" s="99"/>
      <c r="J165" s="97"/>
    </row>
    <row r="166" spans="2:10">
      <c r="B166" s="99"/>
      <c r="E166" s="99"/>
      <c r="F166" s="99"/>
      <c r="G166" s="99"/>
      <c r="H166" s="99"/>
      <c r="I166" s="99"/>
      <c r="J166" s="97"/>
    </row>
    <row r="167" spans="2:10">
      <c r="B167" s="99"/>
      <c r="E167" s="99"/>
      <c r="F167" s="99"/>
      <c r="G167" s="99"/>
      <c r="H167" s="99"/>
      <c r="I167" s="99"/>
      <c r="J167" s="97"/>
    </row>
    <row r="168" spans="2:10">
      <c r="B168" s="99"/>
      <c r="E168" s="99"/>
      <c r="F168" s="99"/>
      <c r="G168" s="99"/>
      <c r="H168" s="99"/>
      <c r="I168" s="99"/>
      <c r="J168" s="97"/>
    </row>
    <row r="169" spans="2:10">
      <c r="B169" s="99"/>
      <c r="E169" s="99"/>
      <c r="F169" s="99"/>
      <c r="G169" s="99"/>
      <c r="H169" s="99"/>
      <c r="I169" s="99"/>
      <c r="J169" s="97"/>
    </row>
    <row r="170" spans="2:10">
      <c r="B170" s="99"/>
      <c r="E170" s="99"/>
      <c r="F170" s="99"/>
      <c r="G170" s="99"/>
      <c r="H170" s="99"/>
      <c r="I170" s="99"/>
      <c r="J170" s="97"/>
    </row>
    <row r="171" spans="2:10">
      <c r="B171" s="99"/>
      <c r="E171" s="99"/>
      <c r="F171" s="99"/>
      <c r="G171" s="99"/>
      <c r="H171" s="99"/>
      <c r="I171" s="99"/>
      <c r="J171" s="97"/>
    </row>
    <row r="172" spans="2:10">
      <c r="B172" s="99"/>
      <c r="E172" s="99"/>
      <c r="F172" s="99"/>
      <c r="G172" s="99"/>
      <c r="H172" s="99"/>
      <c r="I172" s="99"/>
      <c r="J172" s="97"/>
    </row>
    <row r="173" spans="2:10">
      <c r="B173" s="99"/>
      <c r="E173" s="99"/>
      <c r="F173" s="99"/>
      <c r="G173" s="99"/>
      <c r="H173" s="99"/>
      <c r="I173" s="99"/>
      <c r="J173" s="97"/>
    </row>
    <row r="174" spans="2:10">
      <c r="B174" s="99"/>
      <c r="E174" s="99"/>
      <c r="F174" s="99"/>
      <c r="G174" s="99"/>
      <c r="H174" s="99"/>
      <c r="I174" s="99"/>
      <c r="J174" s="97"/>
    </row>
    <row r="175" spans="2:10">
      <c r="B175" s="99"/>
      <c r="E175" s="99"/>
      <c r="F175" s="99"/>
      <c r="G175" s="99"/>
      <c r="H175" s="99"/>
      <c r="I175" s="99"/>
      <c r="J175" s="97"/>
    </row>
    <row r="176" spans="2:10">
      <c r="B176" s="99"/>
      <c r="E176" s="99"/>
      <c r="F176" s="99"/>
      <c r="G176" s="99"/>
      <c r="H176" s="99"/>
      <c r="I176" s="99"/>
      <c r="J176" s="97"/>
    </row>
    <row r="177" spans="2:10">
      <c r="B177" s="99"/>
      <c r="E177" s="99"/>
      <c r="F177" s="99"/>
      <c r="G177" s="99"/>
      <c r="H177" s="99"/>
      <c r="I177" s="99"/>
      <c r="J177" s="97"/>
    </row>
    <row r="178" spans="2:10">
      <c r="B178" s="99"/>
      <c r="E178" s="99"/>
      <c r="F178" s="99"/>
      <c r="G178" s="99"/>
      <c r="H178" s="99"/>
      <c r="I178" s="99"/>
      <c r="J178" s="97"/>
    </row>
    <row r="179" spans="2:10">
      <c r="B179" s="99"/>
      <c r="E179" s="99"/>
      <c r="F179" s="99"/>
      <c r="G179" s="99"/>
      <c r="H179" s="99"/>
      <c r="I179" s="99"/>
      <c r="J179" s="97"/>
    </row>
    <row r="180" spans="2:10">
      <c r="B180" s="99"/>
      <c r="E180" s="99"/>
      <c r="F180" s="99"/>
      <c r="G180" s="99"/>
      <c r="H180" s="99"/>
      <c r="I180" s="99"/>
      <c r="J180" s="97"/>
    </row>
    <row r="181" spans="2:10">
      <c r="B181" s="99"/>
      <c r="E181" s="99"/>
      <c r="F181" s="99"/>
      <c r="G181" s="99"/>
      <c r="H181" s="99"/>
      <c r="I181" s="99"/>
      <c r="J181" s="97"/>
    </row>
    <row r="182" spans="2:10">
      <c r="B182" s="99"/>
      <c r="E182" s="99"/>
      <c r="F182" s="99"/>
      <c r="G182" s="99"/>
      <c r="H182" s="99"/>
      <c r="I182" s="99"/>
      <c r="J182" s="97"/>
    </row>
    <row r="183" spans="2:10">
      <c r="B183" s="99"/>
      <c r="E183" s="99"/>
      <c r="F183" s="99"/>
      <c r="G183" s="99"/>
      <c r="H183" s="99"/>
      <c r="I183" s="99"/>
      <c r="J183" s="97"/>
    </row>
    <row r="184" spans="2:10">
      <c r="B184" s="99"/>
      <c r="E184" s="99"/>
      <c r="F184" s="99"/>
      <c r="G184" s="99"/>
      <c r="H184" s="99"/>
      <c r="I184" s="99"/>
      <c r="J184" s="97"/>
    </row>
    <row r="185" spans="2:10">
      <c r="B185" s="99"/>
      <c r="E185" s="99"/>
      <c r="F185" s="99"/>
      <c r="G185" s="99"/>
      <c r="H185" s="99"/>
      <c r="I185" s="99"/>
      <c r="J185" s="97"/>
    </row>
    <row r="186" spans="2:10">
      <c r="B186" s="99"/>
      <c r="E186" s="99"/>
      <c r="F186" s="99"/>
      <c r="G186" s="99"/>
      <c r="H186" s="99"/>
      <c r="I186" s="99"/>
      <c r="J186" s="97"/>
    </row>
    <row r="187" spans="2:10">
      <c r="B187" s="99"/>
      <c r="E187" s="99"/>
      <c r="F187" s="99"/>
      <c r="G187" s="99"/>
      <c r="H187" s="99"/>
      <c r="I187" s="99"/>
      <c r="J187" s="97"/>
    </row>
    <row r="188" spans="2:10">
      <c r="B188" s="99"/>
      <c r="E188" s="99"/>
      <c r="F188" s="99"/>
      <c r="G188" s="99"/>
      <c r="H188" s="99"/>
      <c r="I188" s="99"/>
      <c r="J188" s="97"/>
    </row>
    <row r="189" spans="2:10">
      <c r="B189" s="99"/>
      <c r="E189" s="99"/>
      <c r="F189" s="99"/>
      <c r="G189" s="99"/>
      <c r="H189" s="99"/>
      <c r="I189" s="99"/>
      <c r="J189" s="97"/>
    </row>
    <row r="190" spans="2:10">
      <c r="B190" s="99"/>
      <c r="E190" s="99"/>
      <c r="F190" s="99"/>
      <c r="G190" s="99"/>
      <c r="H190" s="99"/>
      <c r="I190" s="99"/>
      <c r="J190" s="97"/>
    </row>
    <row r="191" spans="2:10">
      <c r="B191" s="99"/>
      <c r="E191" s="99"/>
      <c r="F191" s="99"/>
      <c r="G191" s="99"/>
      <c r="H191" s="99"/>
      <c r="I191" s="99"/>
      <c r="J191" s="97"/>
    </row>
    <row r="192" spans="2:10">
      <c r="B192" s="99"/>
      <c r="E192" s="99"/>
      <c r="F192" s="99"/>
      <c r="G192" s="99"/>
      <c r="H192" s="99"/>
      <c r="I192" s="99"/>
      <c r="J192" s="97"/>
    </row>
    <row r="193" spans="2:10">
      <c r="B193" s="99"/>
      <c r="E193" s="99"/>
      <c r="F193" s="99"/>
      <c r="G193" s="99"/>
      <c r="H193" s="99"/>
      <c r="I193" s="99"/>
      <c r="J193" s="97"/>
    </row>
    <row r="194" spans="2:10">
      <c r="B194" s="99"/>
      <c r="E194" s="99"/>
      <c r="F194" s="99"/>
      <c r="G194" s="99"/>
      <c r="H194" s="99"/>
      <c r="I194" s="99"/>
      <c r="J194" s="97"/>
    </row>
    <row r="195" spans="2:10">
      <c r="B195" s="99"/>
      <c r="E195" s="99"/>
      <c r="F195" s="99"/>
      <c r="G195" s="99"/>
      <c r="H195" s="99"/>
      <c r="I195" s="99"/>
      <c r="J195" s="97"/>
    </row>
    <row r="196" spans="2:10">
      <c r="B196" s="99"/>
      <c r="E196" s="99"/>
      <c r="F196" s="99"/>
      <c r="G196" s="99"/>
      <c r="H196" s="99"/>
      <c r="I196" s="99"/>
      <c r="J196" s="97"/>
    </row>
    <row r="197" spans="2:10">
      <c r="B197" s="99"/>
      <c r="E197" s="99"/>
      <c r="F197" s="99"/>
      <c r="G197" s="99"/>
      <c r="H197" s="99"/>
      <c r="I197" s="99"/>
      <c r="J197" s="97"/>
    </row>
    <row r="198" spans="2:10">
      <c r="B198" s="99"/>
      <c r="E198" s="99"/>
      <c r="F198" s="99"/>
      <c r="G198" s="99"/>
      <c r="H198" s="99"/>
      <c r="I198" s="99"/>
      <c r="J198" s="97"/>
    </row>
    <row r="199" spans="2:10">
      <c r="B199" s="99"/>
      <c r="E199" s="99"/>
      <c r="F199" s="99"/>
      <c r="G199" s="99"/>
      <c r="H199" s="99"/>
      <c r="I199" s="99"/>
      <c r="J199" s="97"/>
    </row>
    <row r="200" spans="2:10">
      <c r="B200" s="99"/>
      <c r="E200" s="99"/>
      <c r="F200" s="99"/>
      <c r="G200" s="99"/>
      <c r="H200" s="99"/>
      <c r="I200" s="99"/>
      <c r="J200" s="97"/>
    </row>
    <row r="201" spans="2:10">
      <c r="B201" s="99"/>
      <c r="E201" s="99"/>
      <c r="F201" s="99"/>
      <c r="G201" s="99"/>
      <c r="H201" s="99"/>
      <c r="I201" s="99"/>
      <c r="J201" s="97"/>
    </row>
    <row r="202" spans="2:10">
      <c r="B202" s="99"/>
      <c r="E202" s="99"/>
      <c r="F202" s="99"/>
      <c r="G202" s="99"/>
      <c r="H202" s="99"/>
      <c r="I202" s="99"/>
      <c r="J202" s="97"/>
    </row>
    <row r="203" spans="2:10">
      <c r="B203" s="99"/>
      <c r="E203" s="99"/>
      <c r="F203" s="99"/>
      <c r="G203" s="99"/>
      <c r="H203" s="99"/>
      <c r="I203" s="99"/>
      <c r="J203" s="97"/>
    </row>
    <row r="204" spans="2:10">
      <c r="B204" s="99"/>
      <c r="E204" s="99"/>
      <c r="F204" s="99"/>
      <c r="G204" s="99"/>
      <c r="H204" s="99"/>
      <c r="I204" s="99"/>
      <c r="J204" s="97"/>
    </row>
    <row r="205" spans="2:10">
      <c r="B205" s="99"/>
      <c r="E205" s="99"/>
      <c r="F205" s="99"/>
      <c r="G205" s="99"/>
      <c r="H205" s="99"/>
      <c r="I205" s="99"/>
      <c r="J205" s="97"/>
    </row>
    <row r="206" spans="2:10">
      <c r="B206" s="99"/>
      <c r="E206" s="99"/>
      <c r="F206" s="99"/>
      <c r="G206" s="99"/>
      <c r="H206" s="99"/>
      <c r="I206" s="99"/>
      <c r="J206" s="97"/>
    </row>
    <row r="207" spans="2:10">
      <c r="B207" s="99"/>
      <c r="E207" s="99"/>
      <c r="F207" s="99"/>
      <c r="G207" s="99"/>
      <c r="H207" s="99"/>
      <c r="I207" s="99"/>
      <c r="J207" s="97"/>
    </row>
    <row r="208" spans="2:10">
      <c r="B208" s="99"/>
      <c r="E208" s="99"/>
      <c r="F208" s="99"/>
      <c r="G208" s="99"/>
      <c r="H208" s="99"/>
      <c r="I208" s="99"/>
      <c r="J208" s="97"/>
    </row>
    <row r="209" spans="2:10">
      <c r="B209" s="99"/>
      <c r="E209" s="99"/>
      <c r="F209" s="99"/>
      <c r="G209" s="99"/>
      <c r="H209" s="99"/>
      <c r="I209" s="99"/>
      <c r="J209" s="97"/>
    </row>
    <row r="210" spans="2:10">
      <c r="B210" s="99"/>
      <c r="E210" s="99"/>
      <c r="F210" s="99"/>
      <c r="G210" s="99"/>
      <c r="H210" s="99"/>
      <c r="I210" s="99"/>
      <c r="J210" s="97"/>
    </row>
    <row r="211" spans="2:10">
      <c r="B211" s="99"/>
      <c r="E211" s="99"/>
      <c r="F211" s="99"/>
      <c r="G211" s="99"/>
      <c r="H211" s="99"/>
      <c r="I211" s="99"/>
      <c r="J211" s="97"/>
    </row>
    <row r="212" spans="2:10">
      <c r="B212" s="99"/>
      <c r="E212" s="99"/>
      <c r="F212" s="99"/>
      <c r="G212" s="99"/>
      <c r="H212" s="99"/>
      <c r="I212" s="99"/>
      <c r="J212" s="97"/>
    </row>
    <row r="213" spans="2:10">
      <c r="B213" s="99"/>
      <c r="E213" s="99"/>
      <c r="F213" s="99"/>
      <c r="G213" s="99"/>
      <c r="H213" s="99"/>
      <c r="I213" s="99"/>
      <c r="J213" s="97"/>
    </row>
    <row r="214" spans="2:10">
      <c r="B214" s="99"/>
      <c r="E214" s="99"/>
      <c r="F214" s="99"/>
      <c r="G214" s="99"/>
      <c r="H214" s="99"/>
      <c r="I214" s="99"/>
      <c r="J214" s="97"/>
    </row>
    <row r="215" spans="2:10">
      <c r="B215" s="99"/>
      <c r="E215" s="99"/>
      <c r="F215" s="99"/>
      <c r="G215" s="99"/>
      <c r="H215" s="99"/>
      <c r="I215" s="99"/>
      <c r="J215" s="97"/>
    </row>
    <row r="216" spans="2:10">
      <c r="B216" s="99"/>
      <c r="E216" s="99"/>
      <c r="F216" s="99"/>
      <c r="G216" s="99"/>
      <c r="H216" s="99"/>
      <c r="I216" s="99"/>
      <c r="J216" s="97"/>
    </row>
    <row r="217" spans="2:10">
      <c r="B217" s="99"/>
      <c r="E217" s="99"/>
      <c r="F217" s="99"/>
      <c r="G217" s="99"/>
      <c r="H217" s="99"/>
      <c r="I217" s="99"/>
      <c r="J217" s="97"/>
    </row>
    <row r="218" spans="2:10">
      <c r="B218" s="99"/>
      <c r="E218" s="99"/>
      <c r="F218" s="99"/>
      <c r="G218" s="99"/>
      <c r="H218" s="99"/>
      <c r="I218" s="99"/>
      <c r="J218" s="97"/>
    </row>
    <row r="219" spans="2:10">
      <c r="B219" s="99"/>
      <c r="E219" s="99"/>
      <c r="F219" s="99"/>
      <c r="G219" s="99"/>
      <c r="H219" s="99"/>
      <c r="I219" s="99"/>
      <c r="J219" s="97"/>
    </row>
    <row r="220" spans="2:10">
      <c r="B220" s="99"/>
      <c r="E220" s="99"/>
      <c r="F220" s="99"/>
      <c r="G220" s="99"/>
      <c r="H220" s="99"/>
      <c r="I220" s="99"/>
      <c r="J220" s="97"/>
    </row>
    <row r="221" spans="2:10">
      <c r="B221" s="99"/>
      <c r="E221" s="99"/>
      <c r="F221" s="99"/>
      <c r="G221" s="99"/>
      <c r="H221" s="99"/>
      <c r="I221" s="99"/>
      <c r="J221" s="97"/>
    </row>
    <row r="222" spans="2:10">
      <c r="B222" s="99"/>
      <c r="E222" s="99"/>
      <c r="F222" s="99"/>
      <c r="G222" s="99"/>
      <c r="H222" s="99"/>
      <c r="I222" s="99"/>
      <c r="J222" s="97"/>
    </row>
    <row r="223" spans="2:10">
      <c r="B223" s="99"/>
      <c r="E223" s="99"/>
      <c r="F223" s="99"/>
      <c r="G223" s="99"/>
      <c r="H223" s="99"/>
      <c r="I223" s="99"/>
      <c r="J223" s="97"/>
    </row>
    <row r="224" spans="2:10">
      <c r="B224" s="99"/>
      <c r="E224" s="99"/>
      <c r="F224" s="99"/>
      <c r="G224" s="99"/>
      <c r="H224" s="99"/>
      <c r="I224" s="99"/>
      <c r="J224" s="97"/>
    </row>
    <row r="225" spans="2:10">
      <c r="B225" s="99"/>
      <c r="E225" s="99"/>
      <c r="F225" s="99"/>
      <c r="G225" s="99"/>
      <c r="H225" s="99"/>
      <c r="I225" s="99"/>
      <c r="J225" s="97"/>
    </row>
    <row r="226" spans="2:10">
      <c r="B226" s="99"/>
      <c r="E226" s="99"/>
      <c r="F226" s="99"/>
      <c r="G226" s="99"/>
      <c r="H226" s="99"/>
      <c r="I226" s="99"/>
      <c r="J226" s="97"/>
    </row>
    <row r="227" spans="2:10">
      <c r="B227" s="99"/>
      <c r="E227" s="99"/>
      <c r="F227" s="99"/>
      <c r="G227" s="99"/>
      <c r="H227" s="99"/>
      <c r="I227" s="99"/>
      <c r="J227" s="97"/>
    </row>
    <row r="228" spans="2:10">
      <c r="B228" s="99"/>
      <c r="E228" s="99"/>
      <c r="F228" s="99"/>
      <c r="G228" s="99"/>
      <c r="H228" s="99"/>
      <c r="I228" s="99"/>
      <c r="J228" s="97"/>
    </row>
    <row r="229" spans="2:10">
      <c r="B229" s="99"/>
      <c r="E229" s="99"/>
      <c r="F229" s="99"/>
      <c r="G229" s="99"/>
      <c r="H229" s="99"/>
      <c r="I229" s="99"/>
      <c r="J229" s="97"/>
    </row>
    <row r="230" spans="2:10">
      <c r="B230" s="99"/>
      <c r="E230" s="99"/>
      <c r="F230" s="99"/>
      <c r="G230" s="99"/>
      <c r="H230" s="99"/>
      <c r="I230" s="99"/>
      <c r="J230" s="97"/>
    </row>
    <row r="231" spans="2:10">
      <c r="B231" s="99"/>
      <c r="E231" s="99"/>
      <c r="F231" s="99"/>
      <c r="G231" s="99"/>
      <c r="H231" s="99"/>
      <c r="I231" s="99"/>
      <c r="J231" s="97"/>
    </row>
    <row r="232" spans="2:10">
      <c r="B232" s="99"/>
      <c r="E232" s="99"/>
      <c r="F232" s="99"/>
      <c r="G232" s="99"/>
      <c r="H232" s="99"/>
      <c r="I232" s="99"/>
      <c r="J232" s="97"/>
    </row>
    <row r="233" spans="2:10">
      <c r="B233" s="99"/>
      <c r="E233" s="99"/>
      <c r="F233" s="99"/>
      <c r="G233" s="99"/>
      <c r="H233" s="99"/>
      <c r="I233" s="99"/>
      <c r="J233" s="97"/>
    </row>
    <row r="234" spans="2:10">
      <c r="B234" s="99"/>
      <c r="E234" s="99"/>
      <c r="F234" s="99"/>
      <c r="G234" s="99"/>
      <c r="H234" s="99"/>
      <c r="I234" s="99"/>
      <c r="J234" s="97"/>
    </row>
    <row r="235" spans="2:10">
      <c r="B235" s="99"/>
      <c r="E235" s="99"/>
      <c r="F235" s="99"/>
      <c r="G235" s="99"/>
      <c r="H235" s="99"/>
      <c r="I235" s="99"/>
      <c r="J235" s="97"/>
    </row>
    <row r="236" spans="2:10">
      <c r="B236" s="99"/>
      <c r="E236" s="99"/>
      <c r="F236" s="99"/>
      <c r="G236" s="99"/>
      <c r="H236" s="99"/>
      <c r="I236" s="99"/>
      <c r="J236" s="97"/>
    </row>
    <row r="237" spans="2:10">
      <c r="B237" s="99"/>
      <c r="E237" s="99"/>
      <c r="F237" s="99"/>
      <c r="G237" s="99"/>
      <c r="H237" s="99"/>
      <c r="I237" s="99"/>
      <c r="J237" s="97"/>
    </row>
    <row r="238" spans="2:10">
      <c r="B238" s="99"/>
      <c r="E238" s="99"/>
      <c r="F238" s="99"/>
      <c r="G238" s="99"/>
      <c r="H238" s="99"/>
      <c r="I238" s="99"/>
      <c r="J238" s="97"/>
    </row>
    <row r="239" spans="2:10">
      <c r="B239" s="99"/>
      <c r="E239" s="99"/>
      <c r="F239" s="99"/>
      <c r="G239" s="99"/>
      <c r="H239" s="99"/>
      <c r="I239" s="99"/>
      <c r="J239" s="97"/>
    </row>
    <row r="240" spans="2:10">
      <c r="B240" s="99"/>
      <c r="E240" s="99"/>
      <c r="F240" s="99"/>
      <c r="G240" s="99"/>
      <c r="H240" s="99"/>
      <c r="I240" s="99"/>
      <c r="J240" s="97"/>
    </row>
    <row r="241" spans="2:10">
      <c r="B241" s="99"/>
      <c r="E241" s="99"/>
      <c r="F241" s="99"/>
      <c r="G241" s="99"/>
      <c r="H241" s="99"/>
      <c r="I241" s="99"/>
      <c r="J241" s="97"/>
    </row>
    <row r="242" spans="2:10">
      <c r="B242" s="99"/>
      <c r="E242" s="99"/>
      <c r="F242" s="99"/>
      <c r="G242" s="99"/>
      <c r="H242" s="99"/>
      <c r="I242" s="99"/>
      <c r="J242" s="97"/>
    </row>
    <row r="243" spans="2:10">
      <c r="B243" s="99"/>
      <c r="E243" s="99"/>
      <c r="F243" s="99"/>
      <c r="G243" s="99"/>
      <c r="H243" s="99"/>
      <c r="I243" s="99"/>
      <c r="J243" s="97"/>
    </row>
    <row r="244" spans="2:10">
      <c r="B244" s="99"/>
      <c r="E244" s="99"/>
      <c r="F244" s="99"/>
      <c r="G244" s="99"/>
      <c r="H244" s="99"/>
      <c r="I244" s="99"/>
      <c r="J244" s="97"/>
    </row>
    <row r="245" spans="2:10">
      <c r="B245" s="99"/>
      <c r="E245" s="99"/>
      <c r="F245" s="99"/>
      <c r="G245" s="99"/>
      <c r="H245" s="99"/>
      <c r="I245" s="99"/>
      <c r="J245" s="97"/>
    </row>
    <row r="246" spans="2:10">
      <c r="B246" s="99"/>
      <c r="E246" s="99"/>
      <c r="F246" s="99"/>
      <c r="G246" s="99"/>
      <c r="H246" s="99"/>
      <c r="I246" s="99"/>
      <c r="J246" s="97"/>
    </row>
    <row r="247" spans="2:10">
      <c r="B247" s="99"/>
      <c r="E247" s="99"/>
      <c r="F247" s="99"/>
      <c r="G247" s="99"/>
      <c r="H247" s="99"/>
      <c r="I247" s="99"/>
      <c r="J247" s="97"/>
    </row>
    <row r="248" spans="2:10">
      <c r="B248" s="99"/>
      <c r="E248" s="99"/>
      <c r="F248" s="99"/>
      <c r="G248" s="99"/>
      <c r="H248" s="99"/>
      <c r="I248" s="99"/>
      <c r="J248" s="97"/>
    </row>
    <row r="249" spans="2:10">
      <c r="B249" s="99"/>
      <c r="E249" s="99"/>
      <c r="F249" s="99"/>
      <c r="G249" s="99"/>
      <c r="H249" s="99"/>
      <c r="I249" s="99"/>
      <c r="J249" s="97"/>
    </row>
    <row r="250" spans="2:10">
      <c r="B250" s="99"/>
      <c r="E250" s="99"/>
      <c r="F250" s="99"/>
      <c r="G250" s="99"/>
      <c r="H250" s="99"/>
      <c r="I250" s="99"/>
      <c r="J250" s="97"/>
    </row>
    <row r="251" spans="2:10">
      <c r="B251" s="99"/>
      <c r="E251" s="99"/>
      <c r="F251" s="99"/>
      <c r="G251" s="99"/>
      <c r="H251" s="99"/>
      <c r="I251" s="99"/>
      <c r="J251" s="97"/>
    </row>
    <row r="252" spans="2:10">
      <c r="B252" s="99"/>
      <c r="E252" s="99"/>
      <c r="F252" s="99"/>
      <c r="G252" s="99"/>
      <c r="H252" s="99"/>
      <c r="I252" s="99"/>
      <c r="J252" s="97"/>
    </row>
    <row r="253" spans="2:10">
      <c r="B253" s="99"/>
      <c r="E253" s="99"/>
      <c r="F253" s="99"/>
      <c r="G253" s="99"/>
      <c r="H253" s="99"/>
      <c r="I253" s="99"/>
      <c r="J253" s="97"/>
    </row>
    <row r="254" spans="2:10">
      <c r="B254" s="99"/>
      <c r="E254" s="99"/>
      <c r="F254" s="99"/>
      <c r="G254" s="99"/>
      <c r="H254" s="99"/>
      <c r="I254" s="99"/>
      <c r="J254" s="97"/>
    </row>
    <row r="255" spans="2:10">
      <c r="B255" s="99"/>
      <c r="E255" s="99"/>
      <c r="F255" s="99"/>
      <c r="G255" s="99"/>
      <c r="H255" s="99"/>
      <c r="I255" s="99"/>
      <c r="J255" s="97"/>
    </row>
    <row r="256" spans="2:10">
      <c r="B256" s="99"/>
      <c r="E256" s="99"/>
      <c r="F256" s="99"/>
      <c r="G256" s="99"/>
      <c r="H256" s="99"/>
      <c r="I256" s="99"/>
      <c r="J256" s="97"/>
    </row>
    <row r="257" spans="2:10">
      <c r="B257" s="99"/>
      <c r="E257" s="99"/>
      <c r="F257" s="99"/>
      <c r="G257" s="99"/>
      <c r="H257" s="99"/>
      <c r="I257" s="99"/>
      <c r="J257" s="97"/>
    </row>
    <row r="258" spans="2:10">
      <c r="B258" s="99"/>
      <c r="E258" s="99"/>
      <c r="F258" s="99"/>
      <c r="G258" s="99"/>
      <c r="H258" s="99"/>
      <c r="I258" s="99"/>
      <c r="J258" s="97"/>
    </row>
    <row r="259" spans="2:10">
      <c r="B259" s="99"/>
      <c r="E259" s="99"/>
      <c r="F259" s="99"/>
      <c r="G259" s="99"/>
      <c r="H259" s="99"/>
      <c r="I259" s="99"/>
      <c r="J259" s="97"/>
    </row>
    <row r="260" spans="2:10">
      <c r="B260" s="99"/>
      <c r="E260" s="99"/>
      <c r="F260" s="99"/>
      <c r="G260" s="99"/>
      <c r="H260" s="99"/>
      <c r="I260" s="99"/>
      <c r="J260" s="97"/>
    </row>
    <row r="261" spans="2:10">
      <c r="B261" s="99"/>
      <c r="E261" s="99"/>
      <c r="F261" s="99"/>
      <c r="G261" s="99"/>
      <c r="H261" s="99"/>
      <c r="I261" s="99"/>
      <c r="J261" s="97"/>
    </row>
    <row r="262" spans="2:10">
      <c r="B262" s="99"/>
      <c r="E262" s="99"/>
      <c r="F262" s="99"/>
      <c r="G262" s="99"/>
      <c r="H262" s="99"/>
      <c r="I262" s="99"/>
      <c r="J262" s="97"/>
    </row>
    <row r="263" spans="2:10">
      <c r="B263" s="99"/>
      <c r="E263" s="99"/>
      <c r="F263" s="99"/>
      <c r="G263" s="99"/>
      <c r="H263" s="99"/>
      <c r="I263" s="99"/>
      <c r="J263" s="97"/>
    </row>
    <row r="264" spans="2:10">
      <c r="B264" s="99"/>
      <c r="E264" s="99"/>
      <c r="F264" s="99"/>
      <c r="G264" s="99"/>
      <c r="H264" s="99"/>
      <c r="I264" s="99"/>
      <c r="J264" s="97"/>
    </row>
    <row r="265" spans="2:10">
      <c r="B265" s="99"/>
      <c r="E265" s="99"/>
      <c r="F265" s="99"/>
      <c r="G265" s="99"/>
      <c r="H265" s="99"/>
      <c r="I265" s="99"/>
      <c r="J265" s="97"/>
    </row>
    <row r="266" spans="2:10">
      <c r="B266" s="99"/>
      <c r="E266" s="99"/>
      <c r="F266" s="99"/>
      <c r="G266" s="99"/>
      <c r="H266" s="99"/>
      <c r="I266" s="99"/>
      <c r="J266" s="97"/>
    </row>
    <row r="267" spans="2:10">
      <c r="B267" s="99"/>
      <c r="E267" s="99"/>
      <c r="F267" s="99"/>
      <c r="G267" s="99"/>
      <c r="H267" s="99"/>
      <c r="I267" s="99"/>
      <c r="J267" s="97"/>
    </row>
    <row r="268" spans="2:10">
      <c r="B268" s="99"/>
      <c r="E268" s="99"/>
      <c r="F268" s="99"/>
      <c r="G268" s="99"/>
      <c r="H268" s="99"/>
      <c r="I268" s="99"/>
      <c r="J268" s="97"/>
    </row>
    <row r="269" spans="2:10">
      <c r="B269" s="99"/>
      <c r="E269" s="99"/>
      <c r="F269" s="99"/>
      <c r="G269" s="99"/>
      <c r="H269" s="99"/>
      <c r="I269" s="99"/>
      <c r="J269" s="97"/>
    </row>
    <row r="270" spans="2:10">
      <c r="B270" s="99"/>
      <c r="E270" s="99"/>
      <c r="F270" s="99"/>
      <c r="G270" s="99"/>
      <c r="H270" s="99"/>
      <c r="I270" s="99"/>
      <c r="J270" s="97"/>
    </row>
    <row r="271" spans="2:10">
      <c r="B271" s="99"/>
      <c r="E271" s="99"/>
      <c r="F271" s="99"/>
      <c r="G271" s="99"/>
      <c r="H271" s="99"/>
      <c r="I271" s="99"/>
      <c r="J271" s="97"/>
    </row>
    <row r="272" spans="2:10">
      <c r="B272" s="99"/>
      <c r="E272" s="99"/>
      <c r="F272" s="99"/>
      <c r="G272" s="99"/>
      <c r="H272" s="99"/>
      <c r="I272" s="99"/>
      <c r="J272" s="97"/>
    </row>
    <row r="273" spans="2:10">
      <c r="B273" s="99"/>
      <c r="E273" s="99"/>
      <c r="F273" s="99"/>
      <c r="G273" s="99"/>
      <c r="H273" s="99"/>
      <c r="I273" s="99"/>
      <c r="J273" s="97"/>
    </row>
    <row r="274" spans="2:10">
      <c r="B274" s="99"/>
      <c r="E274" s="99"/>
      <c r="F274" s="99"/>
      <c r="G274" s="99"/>
      <c r="H274" s="99"/>
      <c r="I274" s="99"/>
      <c r="J274" s="97"/>
    </row>
    <row r="275" spans="2:10">
      <c r="B275" s="99"/>
      <c r="E275" s="99"/>
      <c r="F275" s="99"/>
      <c r="G275" s="99"/>
      <c r="H275" s="99"/>
      <c r="I275" s="99"/>
      <c r="J275" s="97"/>
    </row>
    <row r="276" spans="2:10">
      <c r="B276" s="99"/>
      <c r="E276" s="99"/>
      <c r="F276" s="99"/>
      <c r="G276" s="99"/>
      <c r="H276" s="99"/>
      <c r="I276" s="99"/>
      <c r="J276" s="97"/>
    </row>
    <row r="277" spans="2:10">
      <c r="B277" s="99"/>
      <c r="E277" s="99"/>
      <c r="F277" s="99"/>
      <c r="G277" s="99"/>
      <c r="H277" s="99"/>
      <c r="I277" s="99"/>
      <c r="J277" s="97"/>
    </row>
    <row r="278" spans="2:10">
      <c r="B278" s="99"/>
      <c r="E278" s="99"/>
      <c r="F278" s="99"/>
      <c r="G278" s="99"/>
      <c r="H278" s="99"/>
      <c r="I278" s="99"/>
      <c r="J278" s="97"/>
    </row>
    <row r="279" spans="2:10">
      <c r="B279" s="99"/>
      <c r="E279" s="99"/>
      <c r="F279" s="99"/>
      <c r="G279" s="99"/>
      <c r="H279" s="99"/>
      <c r="I279" s="99"/>
      <c r="J279" s="97"/>
    </row>
    <row r="280" spans="2:10">
      <c r="B280" s="99"/>
      <c r="E280" s="99"/>
      <c r="F280" s="99"/>
      <c r="G280" s="99"/>
      <c r="H280" s="99"/>
      <c r="I280" s="99"/>
      <c r="J280" s="97"/>
    </row>
    <row r="281" spans="2:10">
      <c r="B281" s="99"/>
      <c r="E281" s="99"/>
      <c r="F281" s="99"/>
      <c r="G281" s="99"/>
      <c r="H281" s="99"/>
      <c r="I281" s="99"/>
      <c r="J281" s="97"/>
    </row>
    <row r="282" spans="2:10">
      <c r="B282" s="99"/>
      <c r="E282" s="99"/>
      <c r="F282" s="99"/>
      <c r="G282" s="99"/>
      <c r="H282" s="99"/>
      <c r="I282" s="99"/>
      <c r="J282" s="97"/>
    </row>
    <row r="283" spans="2:10">
      <c r="B283" s="99"/>
      <c r="E283" s="99"/>
      <c r="F283" s="99"/>
      <c r="G283" s="99"/>
      <c r="H283" s="99"/>
      <c r="I283" s="99"/>
      <c r="J283" s="97"/>
    </row>
    <row r="284" spans="2:10">
      <c r="B284" s="99"/>
      <c r="E284" s="99"/>
      <c r="F284" s="99"/>
      <c r="G284" s="99"/>
      <c r="H284" s="99"/>
      <c r="I284" s="99"/>
      <c r="J284" s="97"/>
    </row>
    <row r="285" spans="2:10">
      <c r="B285" s="99"/>
      <c r="E285" s="99"/>
      <c r="F285" s="99"/>
      <c r="G285" s="99"/>
      <c r="H285" s="99"/>
      <c r="I285" s="99"/>
      <c r="J285" s="97"/>
    </row>
    <row r="286" spans="2:10">
      <c r="B286" s="99"/>
      <c r="E286" s="99"/>
      <c r="F286" s="99"/>
      <c r="G286" s="99"/>
      <c r="H286" s="99"/>
      <c r="I286" s="99"/>
      <c r="J286" s="97"/>
    </row>
    <row r="287" spans="2:10">
      <c r="B287" s="99"/>
      <c r="E287" s="99"/>
      <c r="F287" s="99"/>
      <c r="G287" s="99"/>
      <c r="H287" s="99"/>
      <c r="I287" s="99"/>
      <c r="J287" s="97"/>
    </row>
    <row r="288" spans="2:10">
      <c r="B288" s="99"/>
      <c r="E288" s="99"/>
      <c r="F288" s="99"/>
      <c r="G288" s="99"/>
      <c r="H288" s="99"/>
      <c r="I288" s="99"/>
      <c r="J288" s="97"/>
    </row>
    <row r="289" spans="2:10">
      <c r="B289" s="99"/>
      <c r="E289" s="99"/>
      <c r="F289" s="99"/>
      <c r="G289" s="99"/>
      <c r="H289" s="99"/>
      <c r="I289" s="99"/>
      <c r="J289" s="97"/>
    </row>
    <row r="290" spans="2:10">
      <c r="B290" s="99"/>
      <c r="E290" s="99"/>
      <c r="F290" s="99"/>
      <c r="G290" s="99"/>
      <c r="H290" s="99"/>
      <c r="I290" s="99"/>
      <c r="J290" s="97"/>
    </row>
    <row r="291" spans="2:10">
      <c r="B291" s="99"/>
      <c r="E291" s="99"/>
      <c r="F291" s="99"/>
      <c r="G291" s="99"/>
      <c r="H291" s="99"/>
      <c r="I291" s="99"/>
      <c r="J291" s="97"/>
    </row>
    <row r="292" spans="2:10">
      <c r="B292" s="99"/>
      <c r="E292" s="99"/>
      <c r="F292" s="99"/>
      <c r="G292" s="99"/>
      <c r="H292" s="99"/>
      <c r="I292" s="99"/>
      <c r="J292" s="97"/>
    </row>
    <row r="293" spans="2:10">
      <c r="B293" s="99"/>
      <c r="E293" s="99"/>
      <c r="F293" s="99"/>
      <c r="G293" s="99"/>
      <c r="H293" s="99"/>
      <c r="I293" s="99"/>
      <c r="J293" s="97"/>
    </row>
    <row r="294" spans="2:10">
      <c r="B294" s="99"/>
      <c r="E294" s="99"/>
      <c r="F294" s="99"/>
      <c r="G294" s="99"/>
      <c r="H294" s="99"/>
      <c r="I294" s="99"/>
      <c r="J294" s="97"/>
    </row>
    <row r="295" spans="2:10">
      <c r="B295" s="99"/>
      <c r="E295" s="99"/>
      <c r="F295" s="99"/>
      <c r="G295" s="99"/>
      <c r="H295" s="99"/>
      <c r="I295" s="99"/>
      <c r="J295" s="97"/>
    </row>
    <row r="296" spans="2:10">
      <c r="B296" s="99"/>
      <c r="E296" s="99"/>
      <c r="F296" s="99"/>
      <c r="G296" s="99"/>
      <c r="H296" s="99"/>
      <c r="I296" s="99"/>
      <c r="J296" s="97"/>
    </row>
    <row r="297" spans="2:10">
      <c r="B297" s="99"/>
      <c r="E297" s="99"/>
      <c r="F297" s="99"/>
      <c r="G297" s="99"/>
      <c r="H297" s="99"/>
      <c r="I297" s="99"/>
      <c r="J297" s="97"/>
    </row>
    <row r="298" spans="2:10">
      <c r="B298" s="99"/>
      <c r="E298" s="99"/>
      <c r="F298" s="99"/>
      <c r="G298" s="99"/>
      <c r="H298" s="99"/>
      <c r="I298" s="99"/>
      <c r="J298" s="97"/>
    </row>
    <row r="299" spans="2:10">
      <c r="B299" s="99"/>
      <c r="E299" s="99"/>
      <c r="F299" s="99"/>
      <c r="G299" s="99"/>
      <c r="H299" s="99"/>
      <c r="I299" s="99"/>
      <c r="J299" s="97"/>
    </row>
    <row r="300" spans="2:10">
      <c r="B300" s="99"/>
      <c r="E300" s="99"/>
      <c r="F300" s="99"/>
      <c r="G300" s="99"/>
      <c r="H300" s="99"/>
      <c r="I300" s="99"/>
      <c r="J300" s="97"/>
    </row>
    <row r="301" spans="2:10">
      <c r="B301" s="99"/>
      <c r="E301" s="99"/>
      <c r="F301" s="99"/>
      <c r="G301" s="99"/>
      <c r="H301" s="99"/>
      <c r="I301" s="99"/>
      <c r="J301" s="97"/>
    </row>
    <row r="302" spans="2:10">
      <c r="B302" s="99"/>
      <c r="E302" s="99"/>
      <c r="F302" s="99"/>
      <c r="G302" s="99"/>
      <c r="H302" s="99"/>
      <c r="I302" s="99"/>
      <c r="J302" s="97"/>
    </row>
    <row r="303" spans="2:10">
      <c r="B303" s="99"/>
      <c r="E303" s="99"/>
      <c r="F303" s="99"/>
      <c r="G303" s="99"/>
      <c r="H303" s="99"/>
      <c r="I303" s="99"/>
      <c r="J303" s="97"/>
    </row>
    <row r="304" spans="2:10">
      <c r="B304" s="99"/>
      <c r="E304" s="99"/>
      <c r="F304" s="99"/>
      <c r="G304" s="99"/>
      <c r="H304" s="99"/>
      <c r="I304" s="99"/>
      <c r="J304" s="97"/>
    </row>
    <row r="305" spans="2:10">
      <c r="B305" s="99"/>
      <c r="E305" s="99"/>
      <c r="F305" s="99"/>
      <c r="G305" s="99"/>
      <c r="H305" s="99"/>
      <c r="I305" s="99"/>
      <c r="J305" s="97"/>
    </row>
    <row r="306" spans="2:10">
      <c r="B306" s="99"/>
      <c r="E306" s="99"/>
      <c r="F306" s="99"/>
      <c r="G306" s="99"/>
      <c r="H306" s="99"/>
      <c r="I306" s="99"/>
      <c r="J306" s="97"/>
    </row>
    <row r="307" spans="2:10">
      <c r="B307" s="99"/>
      <c r="E307" s="99"/>
      <c r="F307" s="99"/>
      <c r="G307" s="99"/>
      <c r="H307" s="99"/>
      <c r="I307" s="99"/>
      <c r="J307" s="97"/>
    </row>
    <row r="308" spans="2:10">
      <c r="B308" s="99"/>
      <c r="E308" s="99"/>
      <c r="F308" s="99"/>
      <c r="G308" s="99"/>
      <c r="H308" s="99"/>
      <c r="I308" s="99"/>
      <c r="J308" s="97"/>
    </row>
    <row r="309" spans="2:10">
      <c r="B309" s="99"/>
      <c r="E309" s="99"/>
      <c r="F309" s="99"/>
      <c r="G309" s="99"/>
      <c r="H309" s="99"/>
      <c r="I309" s="99"/>
      <c r="J309" s="97"/>
    </row>
    <row r="310" spans="2:10">
      <c r="B310" s="99"/>
      <c r="E310" s="99"/>
      <c r="F310" s="99"/>
      <c r="G310" s="99"/>
      <c r="H310" s="99"/>
      <c r="I310" s="99"/>
      <c r="J310" s="97"/>
    </row>
    <row r="311" spans="2:10">
      <c r="B311" s="99"/>
      <c r="E311" s="99"/>
      <c r="F311" s="99"/>
      <c r="G311" s="99"/>
      <c r="H311" s="99"/>
      <c r="I311" s="99"/>
      <c r="J311" s="97"/>
    </row>
    <row r="312" spans="2:10">
      <c r="B312" s="99"/>
      <c r="E312" s="99"/>
      <c r="F312" s="99"/>
      <c r="G312" s="99"/>
      <c r="H312" s="99"/>
      <c r="I312" s="99"/>
      <c r="J312" s="97"/>
    </row>
    <row r="313" spans="2:10">
      <c r="B313" s="99"/>
      <c r="E313" s="99"/>
      <c r="F313" s="99"/>
      <c r="G313" s="99"/>
      <c r="H313" s="99"/>
      <c r="I313" s="99"/>
      <c r="J313" s="97"/>
    </row>
    <row r="314" spans="2:10">
      <c r="B314" s="99"/>
      <c r="E314" s="99"/>
      <c r="F314" s="99"/>
      <c r="G314" s="99"/>
      <c r="H314" s="99"/>
      <c r="I314" s="99"/>
      <c r="J314" s="97"/>
    </row>
    <row r="315" spans="2:10">
      <c r="B315" s="99"/>
      <c r="E315" s="99"/>
      <c r="F315" s="99"/>
      <c r="G315" s="99"/>
      <c r="H315" s="99"/>
      <c r="I315" s="99"/>
      <c r="J315" s="97"/>
    </row>
    <row r="316" spans="2:10">
      <c r="B316" s="99"/>
      <c r="E316" s="99"/>
      <c r="F316" s="99"/>
      <c r="G316" s="99"/>
      <c r="H316" s="99"/>
      <c r="I316" s="99"/>
      <c r="J316" s="97"/>
    </row>
    <row r="317" spans="2:10">
      <c r="B317" s="99"/>
      <c r="E317" s="99"/>
      <c r="F317" s="99"/>
      <c r="G317" s="99"/>
      <c r="H317" s="99"/>
      <c r="I317" s="99"/>
      <c r="J317" s="97"/>
    </row>
    <row r="318" spans="2:10">
      <c r="B318" s="99"/>
      <c r="E318" s="99"/>
      <c r="F318" s="99"/>
      <c r="G318" s="99"/>
      <c r="H318" s="99"/>
      <c r="I318" s="99"/>
      <c r="J318" s="97"/>
    </row>
  </sheetData>
  <mergeCells count="6">
    <mergeCell ref="B1:F5"/>
    <mergeCell ref="G4:Q4"/>
    <mergeCell ref="G5:Q5"/>
    <mergeCell ref="B7:S7"/>
    <mergeCell ref="L10:N10"/>
    <mergeCell ref="O10:S10"/>
  </mergeCells>
  <phoneticPr fontId="33"/>
  <dataValidations count="1">
    <dataValidation imeMode="hiragana" allowBlank="1" showInputMessage="1" showErrorMessage="1" sqref="D30:D39 D28 D11:D19 D21:D26"/>
  </dataValidations>
  <pageMargins left="0.39305555555555555" right="0.39305555555555555" top="0.39305555555555555" bottom="0.98402777777777772" header="0.39305555555555555" footer="0.39305555555555555"/>
  <pageSetup paperSize="9" firstPageNumber="4294963191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7"/>
  <sheetViews>
    <sheetView topLeftCell="A25" workbookViewId="0">
      <selection activeCell="O43" sqref="O43"/>
    </sheetView>
  </sheetViews>
  <sheetFormatPr defaultColWidth="9" defaultRowHeight="13.2"/>
  <cols>
    <col min="1" max="1" width="7.109375" style="97" customWidth="1"/>
    <col min="2" max="2" width="3.6640625" style="97" customWidth="1"/>
    <col min="3" max="3" width="5.6640625" style="97" customWidth="1"/>
    <col min="4" max="4" width="14.6640625" style="97" customWidth="1"/>
    <col min="5" max="5" width="1.21875" style="97" customWidth="1"/>
    <col min="6" max="6" width="8.88671875" style="97" customWidth="1"/>
    <col min="7" max="7" width="1.21875" style="97" customWidth="1"/>
    <col min="8" max="8" width="4.88671875" style="99" customWidth="1"/>
    <col min="9" max="9" width="1.21875" style="97" customWidth="1"/>
    <col min="10" max="10" width="14.6640625" style="99" customWidth="1"/>
    <col min="11" max="11" width="2.6640625" style="97" customWidth="1"/>
    <col min="12" max="12" width="1.21875" style="97" customWidth="1"/>
    <col min="13" max="13" width="4.6640625" style="97" customWidth="1"/>
    <col min="14" max="14" width="1.21875" style="97" customWidth="1"/>
    <col min="15" max="15" width="5.6640625" style="97" customWidth="1"/>
    <col min="16" max="16" width="1.21875" style="97" customWidth="1"/>
    <col min="17" max="17" width="5.6640625" style="97" customWidth="1"/>
    <col min="18" max="18" width="1.21875" style="97" customWidth="1"/>
    <col min="19" max="19" width="5.6640625" style="97" customWidth="1"/>
    <col min="20" max="20" width="9" style="97" bestFit="1"/>
    <col min="21" max="16384" width="9" style="97"/>
  </cols>
  <sheetData>
    <row r="1" spans="2:19" s="112" customFormat="1" ht="14.25" customHeight="1">
      <c r="B1" s="441" t="s">
        <v>23</v>
      </c>
      <c r="C1" s="442"/>
      <c r="D1" s="442"/>
      <c r="E1" s="442"/>
      <c r="F1" s="442"/>
      <c r="G1" s="99"/>
      <c r="H1" s="99"/>
      <c r="I1" s="99"/>
      <c r="J1" s="92"/>
      <c r="K1" s="92"/>
      <c r="L1" s="92"/>
      <c r="M1" s="92"/>
      <c r="N1" s="92"/>
      <c r="O1" s="92"/>
      <c r="P1" s="92"/>
    </row>
    <row r="2" spans="2:19" s="112" customFormat="1" ht="14.1" customHeight="1">
      <c r="B2" s="442"/>
      <c r="C2" s="442"/>
      <c r="D2" s="442"/>
      <c r="E2" s="442"/>
      <c r="F2" s="442"/>
    </row>
    <row r="3" spans="2:19" s="112" customFormat="1" ht="14.1" customHeight="1">
      <c r="B3" s="442"/>
      <c r="C3" s="442"/>
      <c r="D3" s="442"/>
      <c r="E3" s="442"/>
      <c r="F3" s="442"/>
    </row>
    <row r="4" spans="2:19" s="112" customFormat="1" ht="14.1" customHeight="1">
      <c r="B4" s="442"/>
      <c r="C4" s="442"/>
      <c r="D4" s="442"/>
      <c r="E4" s="442"/>
      <c r="F4" s="442"/>
      <c r="G4" s="96" t="s">
        <v>24</v>
      </c>
      <c r="H4" s="96"/>
      <c r="I4" s="96"/>
      <c r="J4" s="99"/>
      <c r="K4" s="96"/>
      <c r="L4" s="96"/>
      <c r="M4" s="96"/>
      <c r="N4" s="96"/>
      <c r="O4" s="96"/>
      <c r="P4" s="96"/>
      <c r="Q4" s="96"/>
    </row>
    <row r="5" spans="2:19" s="112" customFormat="1" ht="14.1" customHeight="1">
      <c r="B5" s="442"/>
      <c r="C5" s="442"/>
      <c r="D5" s="442"/>
      <c r="E5" s="442"/>
      <c r="F5" s="442"/>
      <c r="G5" s="443" t="s">
        <v>101</v>
      </c>
      <c r="H5" s="445"/>
      <c r="I5" s="445"/>
      <c r="J5" s="445"/>
      <c r="K5" s="445"/>
      <c r="L5" s="445"/>
      <c r="M5" s="445"/>
      <c r="N5" s="445"/>
      <c r="O5" s="445"/>
      <c r="P5" s="445"/>
      <c r="Q5" s="445"/>
      <c r="R5" s="445"/>
      <c r="S5" s="445"/>
    </row>
    <row r="6" spans="2:19">
      <c r="B6" s="92"/>
      <c r="C6" s="57"/>
      <c r="D6" s="57"/>
      <c r="E6" s="92"/>
      <c r="F6" s="101"/>
      <c r="G6" s="101"/>
      <c r="H6" s="92"/>
      <c r="I6" s="92"/>
      <c r="J6" s="19"/>
      <c r="L6" s="57"/>
      <c r="M6" s="57"/>
      <c r="N6" s="57"/>
      <c r="O6" s="57"/>
      <c r="P6" s="57"/>
      <c r="Q6" s="57"/>
      <c r="R6" s="57"/>
      <c r="S6" s="57"/>
    </row>
    <row r="7" spans="2:19" s="129" customFormat="1" ht="18.75" customHeight="1">
      <c r="B7" s="444" t="s">
        <v>157</v>
      </c>
      <c r="C7" s="444"/>
      <c r="D7" s="444"/>
      <c r="E7" s="444"/>
      <c r="F7" s="444"/>
      <c r="G7" s="444"/>
      <c r="H7" s="444"/>
      <c r="I7" s="444"/>
      <c r="J7" s="444"/>
      <c r="K7" s="444"/>
      <c r="L7" s="444"/>
      <c r="M7" s="444"/>
      <c r="N7" s="444"/>
      <c r="O7" s="444"/>
      <c r="P7" s="444"/>
      <c r="Q7" s="444"/>
      <c r="R7" s="444"/>
      <c r="S7" s="444"/>
    </row>
    <row r="8" spans="2:19">
      <c r="B8" s="92"/>
      <c r="H8" s="97"/>
      <c r="L8" s="57"/>
      <c r="M8" s="57"/>
      <c r="N8" s="57"/>
      <c r="O8" s="57"/>
      <c r="P8" s="57"/>
      <c r="Q8" s="57"/>
      <c r="R8" s="57"/>
      <c r="S8" s="57"/>
    </row>
    <row r="9" spans="2:19" ht="19.2" customHeight="1">
      <c r="B9" s="280" t="s">
        <v>54</v>
      </c>
      <c r="C9" s="96"/>
      <c r="D9" s="100"/>
      <c r="E9" s="98"/>
      <c r="F9" s="99"/>
      <c r="G9" s="99"/>
      <c r="I9" s="100"/>
    </row>
    <row r="10" spans="2:19" s="92" customFormat="1">
      <c r="B10" s="111" t="s">
        <v>1</v>
      </c>
      <c r="C10" s="103" t="s">
        <v>2</v>
      </c>
      <c r="D10" s="111" t="s">
        <v>3</v>
      </c>
      <c r="E10" s="103"/>
      <c r="F10" s="111" t="s">
        <v>61</v>
      </c>
      <c r="G10" s="103"/>
      <c r="H10" s="103" t="s">
        <v>60</v>
      </c>
      <c r="I10" s="103"/>
      <c r="J10" s="111" t="s">
        <v>100</v>
      </c>
      <c r="L10" s="438" t="s">
        <v>5</v>
      </c>
      <c r="M10" s="438"/>
      <c r="N10" s="438"/>
      <c r="O10" s="438" t="s">
        <v>6</v>
      </c>
      <c r="P10" s="438"/>
      <c r="Q10" s="438"/>
      <c r="R10" s="438"/>
      <c r="S10" s="438"/>
    </row>
    <row r="11" spans="2:19">
      <c r="B11" s="111">
        <v>1</v>
      </c>
      <c r="C11" s="153">
        <v>109</v>
      </c>
      <c r="D11" s="206" t="s">
        <v>186</v>
      </c>
      <c r="E11" s="261" t="s">
        <v>51</v>
      </c>
      <c r="F11" s="125" t="s">
        <v>135</v>
      </c>
      <c r="G11" s="261" t="s">
        <v>47</v>
      </c>
      <c r="H11" s="26">
        <v>3</v>
      </c>
      <c r="I11" s="262" t="s">
        <v>52</v>
      </c>
      <c r="J11" s="131" t="s">
        <v>190</v>
      </c>
      <c r="L11" s="102" t="s">
        <v>8</v>
      </c>
      <c r="M11" s="111">
        <v>3</v>
      </c>
      <c r="N11" s="111" t="s">
        <v>9</v>
      </c>
      <c r="O11" s="111">
        <v>16</v>
      </c>
      <c r="P11" s="111" t="s">
        <v>10</v>
      </c>
      <c r="Q11" s="293">
        <v>19</v>
      </c>
      <c r="R11" s="111" t="s">
        <v>10</v>
      </c>
      <c r="S11" s="111">
        <v>7</v>
      </c>
    </row>
    <row r="12" spans="2:19">
      <c r="B12" s="127">
        <v>2</v>
      </c>
      <c r="C12" s="153">
        <v>29</v>
      </c>
      <c r="D12" s="41" t="s">
        <v>164</v>
      </c>
      <c r="E12" s="261" t="s">
        <v>51</v>
      </c>
      <c r="F12" s="125" t="s">
        <v>134</v>
      </c>
      <c r="G12" s="261" t="s">
        <v>47</v>
      </c>
      <c r="H12" s="26">
        <v>3</v>
      </c>
      <c r="I12" s="262" t="s">
        <v>52</v>
      </c>
      <c r="J12" s="131" t="s">
        <v>191</v>
      </c>
      <c r="L12" s="113" t="s">
        <v>8</v>
      </c>
      <c r="M12" s="127">
        <v>1</v>
      </c>
      <c r="N12" s="127" t="s">
        <v>9</v>
      </c>
      <c r="O12" s="127">
        <v>15</v>
      </c>
      <c r="P12" s="127" t="s">
        <v>10</v>
      </c>
      <c r="Q12" s="292">
        <v>10</v>
      </c>
      <c r="R12" s="127" t="s">
        <v>10</v>
      </c>
      <c r="S12" s="127">
        <v>7</v>
      </c>
    </row>
    <row r="13" spans="2:19">
      <c r="B13" s="127">
        <v>3</v>
      </c>
      <c r="C13" s="153">
        <v>11</v>
      </c>
      <c r="D13" s="206" t="s">
        <v>185</v>
      </c>
      <c r="E13" s="261" t="s">
        <v>51</v>
      </c>
      <c r="F13" s="125" t="s">
        <v>134</v>
      </c>
      <c r="G13" s="261" t="s">
        <v>47</v>
      </c>
      <c r="H13" s="26">
        <v>2</v>
      </c>
      <c r="I13" s="262" t="s">
        <v>52</v>
      </c>
      <c r="J13" s="131" t="s">
        <v>192</v>
      </c>
      <c r="L13" s="113" t="s">
        <v>8</v>
      </c>
      <c r="M13" s="127">
        <v>2</v>
      </c>
      <c r="N13" s="127" t="s">
        <v>9</v>
      </c>
      <c r="O13" s="127">
        <v>15</v>
      </c>
      <c r="P13" s="127" t="s">
        <v>10</v>
      </c>
      <c r="Q13" s="292">
        <v>18</v>
      </c>
      <c r="R13" s="127" t="s">
        <v>10</v>
      </c>
      <c r="S13" s="127">
        <v>9</v>
      </c>
    </row>
    <row r="14" spans="2:19">
      <c r="B14" s="127">
        <v>4</v>
      </c>
      <c r="C14" s="153">
        <v>104</v>
      </c>
      <c r="D14" s="41" t="s">
        <v>187</v>
      </c>
      <c r="E14" s="261" t="s">
        <v>51</v>
      </c>
      <c r="F14" s="125" t="s">
        <v>135</v>
      </c>
      <c r="G14" s="261" t="s">
        <v>47</v>
      </c>
      <c r="H14" s="26">
        <v>3</v>
      </c>
      <c r="I14" s="261" t="s">
        <v>52</v>
      </c>
      <c r="J14" s="131" t="s">
        <v>193</v>
      </c>
      <c r="L14" s="113" t="s">
        <v>8</v>
      </c>
      <c r="M14" s="127">
        <v>4</v>
      </c>
      <c r="N14" s="127" t="s">
        <v>9</v>
      </c>
      <c r="O14" s="127">
        <v>16</v>
      </c>
      <c r="P14" s="127" t="s">
        <v>10</v>
      </c>
      <c r="Q14" s="292">
        <v>50</v>
      </c>
      <c r="R14" s="127" t="s">
        <v>10</v>
      </c>
      <c r="S14" s="127">
        <v>8</v>
      </c>
    </row>
    <row r="15" spans="2:19">
      <c r="B15" s="92"/>
      <c r="C15" s="37"/>
      <c r="D15" s="37"/>
      <c r="E15" s="298"/>
      <c r="F15" s="201"/>
      <c r="G15" s="298"/>
      <c r="H15" s="201"/>
      <c r="I15" s="298"/>
      <c r="J15" s="229"/>
      <c r="K15" s="57"/>
      <c r="L15" s="57"/>
      <c r="M15" s="92"/>
      <c r="N15" s="92"/>
      <c r="O15" s="92"/>
      <c r="P15" s="92"/>
      <c r="Q15" s="294"/>
      <c r="R15" s="92"/>
      <c r="S15" s="92"/>
    </row>
    <row r="16" spans="2:19" ht="19.2" customHeight="1">
      <c r="B16" s="280" t="s">
        <v>63</v>
      </c>
      <c r="C16" s="37"/>
      <c r="D16" s="37"/>
      <c r="E16" s="298"/>
      <c r="F16" s="201"/>
      <c r="G16" s="298"/>
      <c r="H16" s="201"/>
      <c r="I16" s="298"/>
      <c r="J16" s="229"/>
      <c r="K16" s="57"/>
      <c r="L16" s="57"/>
      <c r="M16" s="92"/>
      <c r="N16" s="92"/>
      <c r="O16" s="92"/>
      <c r="P16" s="92"/>
      <c r="Q16" s="294"/>
      <c r="R16" s="92"/>
      <c r="S16" s="92"/>
    </row>
    <row r="17" spans="2:19">
      <c r="B17" s="111">
        <v>5</v>
      </c>
      <c r="C17" s="153">
        <v>32</v>
      </c>
      <c r="D17" s="41" t="s">
        <v>189</v>
      </c>
      <c r="E17" s="261" t="s">
        <v>51</v>
      </c>
      <c r="F17" s="116" t="s">
        <v>114</v>
      </c>
      <c r="G17" s="261" t="s">
        <v>47</v>
      </c>
      <c r="H17" s="26">
        <v>3</v>
      </c>
      <c r="I17" s="262" t="s">
        <v>52</v>
      </c>
      <c r="J17" s="131"/>
      <c r="L17" s="102" t="s">
        <v>8</v>
      </c>
      <c r="M17" s="111">
        <v>11</v>
      </c>
      <c r="N17" s="111" t="s">
        <v>9</v>
      </c>
      <c r="O17" s="111">
        <v>17</v>
      </c>
      <c r="P17" s="111" t="s">
        <v>10</v>
      </c>
      <c r="Q17" s="293">
        <v>20</v>
      </c>
      <c r="R17" s="111" t="s">
        <v>10</v>
      </c>
      <c r="S17" s="111">
        <v>8</v>
      </c>
    </row>
    <row r="18" spans="2:19">
      <c r="B18" s="111">
        <v>6</v>
      </c>
      <c r="C18" s="153">
        <v>2</v>
      </c>
      <c r="D18" s="41" t="s">
        <v>174</v>
      </c>
      <c r="E18" s="265" t="s">
        <v>51</v>
      </c>
      <c r="F18" s="125" t="s">
        <v>134</v>
      </c>
      <c r="G18" s="265" t="s">
        <v>47</v>
      </c>
      <c r="H18" s="232">
        <v>2</v>
      </c>
      <c r="I18" s="329" t="s">
        <v>52</v>
      </c>
      <c r="J18" s="132"/>
      <c r="L18" s="113" t="s">
        <v>8</v>
      </c>
      <c r="M18" s="127">
        <v>9</v>
      </c>
      <c r="N18" s="127" t="s">
        <v>9</v>
      </c>
      <c r="O18" s="127">
        <v>17</v>
      </c>
      <c r="P18" s="127" t="s">
        <v>10</v>
      </c>
      <c r="Q18" s="292">
        <v>11</v>
      </c>
      <c r="R18" s="127" t="s">
        <v>10</v>
      </c>
      <c r="S18" s="127">
        <v>3</v>
      </c>
    </row>
    <row r="19" spans="2:19">
      <c r="B19" s="111">
        <v>7</v>
      </c>
      <c r="C19" s="153">
        <v>16</v>
      </c>
      <c r="D19" s="41" t="s">
        <v>188</v>
      </c>
      <c r="E19" s="261" t="s">
        <v>51</v>
      </c>
      <c r="F19" s="125" t="s">
        <v>134</v>
      </c>
      <c r="G19" s="261" t="s">
        <v>47</v>
      </c>
      <c r="H19" s="26">
        <v>2</v>
      </c>
      <c r="I19" s="262" t="s">
        <v>52</v>
      </c>
      <c r="J19" s="131"/>
      <c r="L19" s="113" t="s">
        <v>8</v>
      </c>
      <c r="M19" s="127">
        <v>10</v>
      </c>
      <c r="N19" s="127" t="s">
        <v>9</v>
      </c>
      <c r="O19" s="127">
        <v>17</v>
      </c>
      <c r="P19" s="127" t="s">
        <v>10</v>
      </c>
      <c r="Q19" s="292">
        <v>13</v>
      </c>
      <c r="R19" s="127" t="s">
        <v>10</v>
      </c>
      <c r="S19" s="127">
        <v>3</v>
      </c>
    </row>
    <row r="20" spans="2:19">
      <c r="B20" s="127">
        <v>8</v>
      </c>
      <c r="C20" s="153">
        <v>44</v>
      </c>
      <c r="D20" s="41" t="s">
        <v>372</v>
      </c>
      <c r="E20" s="261" t="s">
        <v>51</v>
      </c>
      <c r="F20" s="125" t="s">
        <v>114</v>
      </c>
      <c r="G20" s="261" t="s">
        <v>47</v>
      </c>
      <c r="H20" s="26">
        <v>4</v>
      </c>
      <c r="I20" s="262" t="s">
        <v>52</v>
      </c>
      <c r="J20" s="131" t="s">
        <v>337</v>
      </c>
      <c r="L20" s="113" t="s">
        <v>8</v>
      </c>
      <c r="M20" s="127"/>
      <c r="N20" s="127" t="s">
        <v>9</v>
      </c>
      <c r="O20" s="127"/>
      <c r="P20" s="127"/>
      <c r="Q20" s="292" t="s">
        <v>360</v>
      </c>
      <c r="R20" s="127"/>
      <c r="S20" s="127"/>
    </row>
    <row r="21" spans="2:19">
      <c r="B21" s="111">
        <v>9</v>
      </c>
      <c r="C21" s="153">
        <v>42</v>
      </c>
      <c r="D21" s="41" t="s">
        <v>373</v>
      </c>
      <c r="E21" s="261" t="s">
        <v>51</v>
      </c>
      <c r="F21" s="125" t="s">
        <v>114</v>
      </c>
      <c r="G21" s="261" t="s">
        <v>47</v>
      </c>
      <c r="H21" s="26">
        <v>4</v>
      </c>
      <c r="I21" s="262" t="s">
        <v>52</v>
      </c>
      <c r="J21" s="131" t="s">
        <v>337</v>
      </c>
      <c r="L21" s="113" t="s">
        <v>8</v>
      </c>
      <c r="M21" s="127">
        <v>2</v>
      </c>
      <c r="N21" s="127" t="s">
        <v>9</v>
      </c>
      <c r="O21" s="127">
        <v>16</v>
      </c>
      <c r="P21" s="127" t="s">
        <v>10</v>
      </c>
      <c r="Q21" s="292">
        <v>12</v>
      </c>
      <c r="R21" s="127" t="s">
        <v>10</v>
      </c>
      <c r="S21" s="127">
        <v>4</v>
      </c>
    </row>
    <row r="22" spans="2:19">
      <c r="B22" s="111">
        <v>10</v>
      </c>
      <c r="C22" s="153">
        <v>308</v>
      </c>
      <c r="D22" s="41" t="s">
        <v>374</v>
      </c>
      <c r="E22" s="261" t="s">
        <v>51</v>
      </c>
      <c r="F22" s="125" t="s">
        <v>312</v>
      </c>
      <c r="G22" s="261" t="s">
        <v>47</v>
      </c>
      <c r="H22" s="26" t="s">
        <v>297</v>
      </c>
      <c r="I22" s="262" t="s">
        <v>52</v>
      </c>
      <c r="J22" s="131" t="s">
        <v>337</v>
      </c>
      <c r="L22" s="113" t="s">
        <v>8</v>
      </c>
      <c r="M22" s="127">
        <v>3</v>
      </c>
      <c r="N22" s="127" t="s">
        <v>9</v>
      </c>
      <c r="O22" s="127">
        <v>16</v>
      </c>
      <c r="P22" s="127" t="s">
        <v>10</v>
      </c>
      <c r="Q22" s="292">
        <v>17</v>
      </c>
      <c r="R22" s="127" t="s">
        <v>10</v>
      </c>
      <c r="S22" s="127">
        <v>7</v>
      </c>
    </row>
    <row r="23" spans="2:19">
      <c r="B23" s="127">
        <v>11</v>
      </c>
      <c r="C23" s="153">
        <v>38</v>
      </c>
      <c r="D23" s="227" t="s">
        <v>375</v>
      </c>
      <c r="E23" s="261" t="s">
        <v>51</v>
      </c>
      <c r="F23" s="125" t="s">
        <v>296</v>
      </c>
      <c r="G23" s="261" t="s">
        <v>47</v>
      </c>
      <c r="H23" s="26">
        <v>4</v>
      </c>
      <c r="I23" s="262" t="s">
        <v>52</v>
      </c>
      <c r="J23" s="131" t="s">
        <v>337</v>
      </c>
      <c r="L23" s="113" t="s">
        <v>8</v>
      </c>
      <c r="M23" s="127">
        <v>1</v>
      </c>
      <c r="N23" s="127" t="s">
        <v>9</v>
      </c>
      <c r="O23" s="127">
        <v>16</v>
      </c>
      <c r="P23" s="127" t="s">
        <v>10</v>
      </c>
      <c r="Q23" s="292">
        <v>5</v>
      </c>
      <c r="R23" s="127" t="s">
        <v>10</v>
      </c>
      <c r="S23" s="127">
        <v>2</v>
      </c>
    </row>
    <row r="24" spans="2:19">
      <c r="B24" s="127">
        <v>12</v>
      </c>
      <c r="C24" s="153">
        <v>309</v>
      </c>
      <c r="D24" s="275" t="s">
        <v>353</v>
      </c>
      <c r="E24" s="261" t="s">
        <v>51</v>
      </c>
      <c r="F24" s="125" t="s">
        <v>312</v>
      </c>
      <c r="G24" s="261" t="s">
        <v>47</v>
      </c>
      <c r="H24" s="26" t="s">
        <v>298</v>
      </c>
      <c r="I24" s="262" t="s">
        <v>52</v>
      </c>
      <c r="J24" s="131" t="s">
        <v>337</v>
      </c>
      <c r="L24" s="113" t="s">
        <v>8</v>
      </c>
      <c r="M24" s="127">
        <v>14</v>
      </c>
      <c r="N24" s="127" t="s">
        <v>9</v>
      </c>
      <c r="O24" s="127">
        <v>18</v>
      </c>
      <c r="P24" s="127" t="s">
        <v>10</v>
      </c>
      <c r="Q24" s="292">
        <v>9</v>
      </c>
      <c r="R24" s="127" t="s">
        <v>10</v>
      </c>
      <c r="S24" s="127">
        <v>4</v>
      </c>
    </row>
    <row r="25" spans="2:19">
      <c r="B25" s="127">
        <v>13</v>
      </c>
      <c r="C25" s="153">
        <v>202</v>
      </c>
      <c r="D25" s="227" t="s">
        <v>377</v>
      </c>
      <c r="E25" s="261" t="s">
        <v>51</v>
      </c>
      <c r="F25" s="125" t="s">
        <v>296</v>
      </c>
      <c r="G25" s="261" t="s">
        <v>47</v>
      </c>
      <c r="H25" s="26" t="s">
        <v>376</v>
      </c>
      <c r="I25" s="262" t="s">
        <v>52</v>
      </c>
      <c r="J25" s="131" t="s">
        <v>337</v>
      </c>
      <c r="L25" s="113" t="s">
        <v>8</v>
      </c>
      <c r="M25" s="127">
        <v>12</v>
      </c>
      <c r="N25" s="127" t="s">
        <v>9</v>
      </c>
      <c r="O25" s="127">
        <v>17</v>
      </c>
      <c r="P25" s="127" t="s">
        <v>10</v>
      </c>
      <c r="Q25" s="292">
        <v>22</v>
      </c>
      <c r="R25" s="127" t="s">
        <v>10</v>
      </c>
      <c r="S25" s="127">
        <v>4</v>
      </c>
    </row>
    <row r="26" spans="2:19">
      <c r="B26" s="127">
        <v>14</v>
      </c>
      <c r="C26" s="153">
        <v>216</v>
      </c>
      <c r="D26" s="41" t="s">
        <v>378</v>
      </c>
      <c r="E26" s="261" t="s">
        <v>51</v>
      </c>
      <c r="F26" s="125" t="s">
        <v>296</v>
      </c>
      <c r="G26" s="261" t="s">
        <v>47</v>
      </c>
      <c r="H26" s="26" t="s">
        <v>298</v>
      </c>
      <c r="I26" s="262" t="s">
        <v>52</v>
      </c>
      <c r="J26" s="131" t="s">
        <v>337</v>
      </c>
      <c r="L26" s="113" t="s">
        <v>8</v>
      </c>
      <c r="M26" s="127">
        <v>15</v>
      </c>
      <c r="N26" s="127" t="s">
        <v>9</v>
      </c>
      <c r="O26" s="127">
        <v>18</v>
      </c>
      <c r="P26" s="127" t="s">
        <v>10</v>
      </c>
      <c r="Q26" s="292">
        <v>14</v>
      </c>
      <c r="R26" s="127" t="s">
        <v>10</v>
      </c>
      <c r="S26" s="127">
        <v>1</v>
      </c>
    </row>
    <row r="27" spans="2:19">
      <c r="B27" s="111">
        <v>15</v>
      </c>
      <c r="C27" s="153">
        <v>217</v>
      </c>
      <c r="D27" s="41" t="s">
        <v>379</v>
      </c>
      <c r="E27" s="261" t="s">
        <v>51</v>
      </c>
      <c r="F27" s="125" t="s">
        <v>296</v>
      </c>
      <c r="G27" s="261" t="s">
        <v>47</v>
      </c>
      <c r="H27" s="26" t="s">
        <v>298</v>
      </c>
      <c r="I27" s="262" t="s">
        <v>52</v>
      </c>
      <c r="J27" s="131" t="s">
        <v>337</v>
      </c>
      <c r="L27" s="113" t="s">
        <v>8</v>
      </c>
      <c r="M27" s="127">
        <v>8</v>
      </c>
      <c r="N27" s="127" t="s">
        <v>9</v>
      </c>
      <c r="O27" s="127">
        <v>17</v>
      </c>
      <c r="P27" s="127" t="s">
        <v>10</v>
      </c>
      <c r="Q27" s="292">
        <v>8</v>
      </c>
      <c r="R27" s="127" t="s">
        <v>10</v>
      </c>
      <c r="S27" s="127">
        <v>2</v>
      </c>
    </row>
    <row r="28" spans="2:19">
      <c r="B28" s="111">
        <v>16</v>
      </c>
      <c r="C28" s="153">
        <v>205</v>
      </c>
      <c r="D28" s="41" t="s">
        <v>380</v>
      </c>
      <c r="E28" s="261" t="s">
        <v>51</v>
      </c>
      <c r="F28" s="125" t="s">
        <v>296</v>
      </c>
      <c r="G28" s="261" t="s">
        <v>47</v>
      </c>
      <c r="H28" s="26" t="s">
        <v>350</v>
      </c>
      <c r="I28" s="262" t="s">
        <v>52</v>
      </c>
      <c r="J28" s="131" t="s">
        <v>337</v>
      </c>
      <c r="L28" s="113" t="s">
        <v>8</v>
      </c>
      <c r="M28" s="127">
        <v>4</v>
      </c>
      <c r="N28" s="127" t="s">
        <v>9</v>
      </c>
      <c r="O28" s="127">
        <v>16</v>
      </c>
      <c r="P28" s="127" t="s">
        <v>10</v>
      </c>
      <c r="Q28" s="292">
        <v>21</v>
      </c>
      <c r="R28" s="127" t="s">
        <v>10</v>
      </c>
      <c r="S28" s="127">
        <v>1</v>
      </c>
    </row>
    <row r="29" spans="2:19">
      <c r="B29" s="111">
        <v>17</v>
      </c>
      <c r="C29" s="153">
        <v>218</v>
      </c>
      <c r="D29" s="41" t="s">
        <v>381</v>
      </c>
      <c r="E29" s="261" t="s">
        <v>51</v>
      </c>
      <c r="F29" s="125" t="s">
        <v>296</v>
      </c>
      <c r="G29" s="261" t="s">
        <v>47</v>
      </c>
      <c r="H29" s="26" t="s">
        <v>385</v>
      </c>
      <c r="I29" s="262" t="s">
        <v>52</v>
      </c>
      <c r="J29" s="131" t="s">
        <v>337</v>
      </c>
      <c r="L29" s="113" t="s">
        <v>8</v>
      </c>
      <c r="M29" s="127">
        <v>13</v>
      </c>
      <c r="N29" s="127" t="s">
        <v>9</v>
      </c>
      <c r="O29" s="127">
        <v>17</v>
      </c>
      <c r="P29" s="127" t="s">
        <v>10</v>
      </c>
      <c r="Q29" s="292">
        <v>55</v>
      </c>
      <c r="R29" s="127" t="s">
        <v>10</v>
      </c>
      <c r="S29" s="127">
        <v>0</v>
      </c>
    </row>
    <row r="30" spans="2:19">
      <c r="B30" s="111">
        <v>18</v>
      </c>
      <c r="C30" s="153">
        <v>219</v>
      </c>
      <c r="D30" s="41" t="s">
        <v>382</v>
      </c>
      <c r="E30" s="261" t="s">
        <v>51</v>
      </c>
      <c r="F30" s="125" t="s">
        <v>296</v>
      </c>
      <c r="G30" s="261" t="s">
        <v>47</v>
      </c>
      <c r="H30" s="26" t="s">
        <v>298</v>
      </c>
      <c r="I30" s="262" t="s">
        <v>52</v>
      </c>
      <c r="J30" s="131" t="s">
        <v>337</v>
      </c>
      <c r="L30" s="113" t="s">
        <v>8</v>
      </c>
      <c r="M30" s="127">
        <v>7</v>
      </c>
      <c r="N30" s="127" t="s">
        <v>9</v>
      </c>
      <c r="O30" s="127">
        <v>17</v>
      </c>
      <c r="P30" s="127" t="s">
        <v>10</v>
      </c>
      <c r="Q30" s="292">
        <v>2</v>
      </c>
      <c r="R30" s="127" t="s">
        <v>10</v>
      </c>
      <c r="S30" s="127">
        <v>4</v>
      </c>
    </row>
    <row r="31" spans="2:19">
      <c r="B31" s="111">
        <v>19</v>
      </c>
      <c r="C31" s="153">
        <v>220</v>
      </c>
      <c r="D31" s="41" t="s">
        <v>383</v>
      </c>
      <c r="E31" s="261" t="s">
        <v>51</v>
      </c>
      <c r="F31" s="125" t="s">
        <v>296</v>
      </c>
      <c r="G31" s="261" t="s">
        <v>47</v>
      </c>
      <c r="H31" s="26" t="s">
        <v>298</v>
      </c>
      <c r="I31" s="262" t="s">
        <v>52</v>
      </c>
      <c r="J31" s="131" t="s">
        <v>337</v>
      </c>
      <c r="L31" s="113" t="s">
        <v>8</v>
      </c>
      <c r="M31" s="127">
        <v>6</v>
      </c>
      <c r="N31" s="127" t="s">
        <v>9</v>
      </c>
      <c r="O31" s="127">
        <v>16</v>
      </c>
      <c r="P31" s="127" t="s">
        <v>10</v>
      </c>
      <c r="Q31" s="292">
        <v>57</v>
      </c>
      <c r="R31" s="127" t="s">
        <v>10</v>
      </c>
      <c r="S31" s="127">
        <v>1</v>
      </c>
    </row>
    <row r="32" spans="2:19">
      <c r="B32" s="111">
        <v>20</v>
      </c>
      <c r="C32" s="153">
        <v>23</v>
      </c>
      <c r="D32" s="41" t="s">
        <v>384</v>
      </c>
      <c r="E32" s="261" t="s">
        <v>51</v>
      </c>
      <c r="F32" s="125" t="s">
        <v>296</v>
      </c>
      <c r="G32" s="261" t="s">
        <v>47</v>
      </c>
      <c r="H32" s="26">
        <v>3</v>
      </c>
      <c r="I32" s="262" t="s">
        <v>52</v>
      </c>
      <c r="J32" s="131" t="s">
        <v>337</v>
      </c>
      <c r="L32" s="113" t="s">
        <v>8</v>
      </c>
      <c r="M32" s="127">
        <v>5</v>
      </c>
      <c r="N32" s="127" t="s">
        <v>9</v>
      </c>
      <c r="O32" s="127">
        <v>16</v>
      </c>
      <c r="P32" s="127" t="s">
        <v>10</v>
      </c>
      <c r="Q32" s="292">
        <v>26</v>
      </c>
      <c r="R32" s="127" t="s">
        <v>10</v>
      </c>
      <c r="S32" s="127">
        <v>1</v>
      </c>
    </row>
    <row r="33" spans="2:19">
      <c r="B33" s="92"/>
      <c r="C33" s="57"/>
      <c r="D33" s="57"/>
      <c r="E33" s="92"/>
      <c r="F33" s="101"/>
      <c r="G33" s="101"/>
      <c r="H33" s="92"/>
      <c r="I33" s="92"/>
      <c r="J33" s="19"/>
      <c r="L33" s="57"/>
      <c r="M33" s="57"/>
      <c r="N33" s="57"/>
      <c r="O33" s="57"/>
      <c r="P33" s="57"/>
      <c r="Q33" s="57"/>
      <c r="R33" s="57"/>
      <c r="S33" s="57"/>
    </row>
    <row r="34" spans="2:19">
      <c r="B34" s="92"/>
      <c r="C34" s="57"/>
      <c r="D34" s="57"/>
      <c r="E34" s="92"/>
      <c r="F34" s="101"/>
      <c r="G34" s="101"/>
      <c r="H34" s="92"/>
      <c r="I34" s="92"/>
      <c r="J34" s="19"/>
      <c r="L34" s="57"/>
      <c r="M34" s="57"/>
      <c r="N34" s="57"/>
      <c r="O34" s="57"/>
      <c r="P34" s="57"/>
      <c r="Q34" s="57"/>
      <c r="R34" s="57"/>
      <c r="S34" s="57"/>
    </row>
    <row r="35" spans="2:19">
      <c r="B35" s="92"/>
      <c r="C35" s="57"/>
      <c r="D35" s="57"/>
      <c r="E35" s="92"/>
      <c r="F35" s="101"/>
      <c r="G35" s="101"/>
      <c r="H35" s="92"/>
      <c r="I35" s="92"/>
      <c r="J35" s="19"/>
      <c r="L35" s="57"/>
      <c r="M35" s="57"/>
      <c r="N35" s="57"/>
      <c r="O35" s="57"/>
      <c r="P35" s="57"/>
      <c r="Q35" s="57"/>
      <c r="R35" s="57"/>
      <c r="S35" s="57"/>
    </row>
    <row r="36" spans="2:19">
      <c r="B36" s="92"/>
      <c r="C36" s="57"/>
      <c r="D36" s="57"/>
      <c r="E36" s="92"/>
      <c r="F36" s="101"/>
      <c r="G36" s="101"/>
      <c r="H36" s="92"/>
      <c r="I36" s="92"/>
      <c r="J36" s="19"/>
      <c r="L36" s="57"/>
      <c r="M36" s="57"/>
      <c r="N36" s="57"/>
      <c r="O36" s="57"/>
      <c r="P36" s="57"/>
      <c r="Q36" s="57"/>
      <c r="R36" s="57"/>
      <c r="S36" s="57"/>
    </row>
    <row r="37" spans="2:19">
      <c r="B37" s="92"/>
      <c r="C37" s="57"/>
      <c r="D37" s="57"/>
      <c r="E37" s="92"/>
      <c r="F37" s="101"/>
      <c r="G37" s="101"/>
      <c r="H37" s="92"/>
      <c r="I37" s="92"/>
      <c r="J37" s="19"/>
      <c r="L37" s="57"/>
      <c r="M37" s="57"/>
      <c r="N37" s="57"/>
      <c r="O37" s="57"/>
      <c r="P37" s="57"/>
      <c r="Q37" s="57"/>
      <c r="R37" s="57"/>
      <c r="S37" s="57"/>
    </row>
  </sheetData>
  <mergeCells count="5">
    <mergeCell ref="G5:S5"/>
    <mergeCell ref="B7:S7"/>
    <mergeCell ref="L10:N10"/>
    <mergeCell ref="O10:S10"/>
    <mergeCell ref="B1:F5"/>
  </mergeCells>
  <phoneticPr fontId="33"/>
  <dataValidations count="2">
    <dataValidation imeMode="hiragana" allowBlank="1" showInputMessage="1" showErrorMessage="1" sqref="D12 D14:D32"/>
    <dataValidation imeMode="halfAlpha" allowBlank="1" showInputMessage="1" showErrorMessage="1" sqref="J65450"/>
  </dataValidations>
  <pageMargins left="0.39305555555555555" right="0.39305555555555555" top="0.39305555555555555" bottom="0.98402777777777772" header="0.39305555555555555" footer="0.39305555555555555"/>
  <pageSetup paperSize="9" firstPageNumber="4294963191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18"/>
  <sheetViews>
    <sheetView topLeftCell="A14" workbookViewId="0">
      <selection activeCell="G29" sqref="G29"/>
    </sheetView>
  </sheetViews>
  <sheetFormatPr defaultColWidth="13" defaultRowHeight="13.2"/>
  <cols>
    <col min="1" max="1" width="7.109375" style="4" customWidth="1"/>
    <col min="2" max="2" width="3.33203125" style="54" customWidth="1"/>
    <col min="3" max="3" width="6" style="55" customWidth="1"/>
    <col min="4" max="4" width="13.6640625" style="56" customWidth="1"/>
    <col min="5" max="5" width="1.109375" style="4" customWidth="1"/>
    <col min="6" max="6" width="8.33203125" style="4" customWidth="1"/>
    <col min="7" max="7" width="1.21875" style="4" customWidth="1"/>
    <col min="8" max="8" width="4.33203125" style="55" customWidth="1"/>
    <col min="9" max="9" width="1.44140625" style="4" customWidth="1"/>
    <col min="10" max="10" width="3.88671875" style="4" customWidth="1"/>
    <col min="11" max="11" width="1.109375" style="4" customWidth="1"/>
    <col min="12" max="12" width="5" style="56" customWidth="1"/>
    <col min="13" max="13" width="9.44140625" style="4" customWidth="1"/>
    <col min="14" max="14" width="1.109375" style="4" customWidth="1"/>
    <col min="15" max="15" width="4.44140625" style="4" customWidth="1"/>
    <col min="16" max="16" width="1.109375" style="4" customWidth="1"/>
    <col min="17" max="17" width="4.88671875" style="4" customWidth="1"/>
    <col min="18" max="18" width="1.109375" style="4" customWidth="1"/>
    <col min="19" max="19" width="4.88671875" style="4" customWidth="1"/>
    <col min="20" max="16384" width="13" style="4"/>
  </cols>
  <sheetData>
    <row r="1" spans="2:20" ht="13.5" customHeight="1">
      <c r="B1" s="447" t="s">
        <v>85</v>
      </c>
      <c r="C1" s="447"/>
      <c r="D1" s="447"/>
      <c r="E1" s="447"/>
      <c r="F1" s="136"/>
      <c r="G1" s="86"/>
      <c r="H1" s="20"/>
      <c r="I1" s="86"/>
      <c r="J1" s="86"/>
      <c r="K1" s="86"/>
      <c r="L1" s="304"/>
      <c r="M1" s="86"/>
      <c r="N1" s="86"/>
      <c r="O1" s="86"/>
      <c r="P1" s="86"/>
      <c r="Q1" s="86"/>
      <c r="R1" s="86"/>
      <c r="S1" s="86"/>
    </row>
    <row r="2" spans="2:20" ht="13.5" customHeight="1">
      <c r="B2" s="447"/>
      <c r="C2" s="447"/>
      <c r="D2" s="447"/>
      <c r="E2" s="447"/>
      <c r="F2" s="136"/>
      <c r="G2" s="86"/>
      <c r="H2" s="20"/>
      <c r="I2" s="86"/>
      <c r="J2" s="86"/>
      <c r="K2" s="86"/>
      <c r="L2" s="304"/>
      <c r="M2" s="86"/>
      <c r="N2" s="86"/>
      <c r="O2" s="86"/>
      <c r="P2" s="86"/>
      <c r="Q2" s="86"/>
      <c r="R2" s="86"/>
      <c r="S2" s="86"/>
    </row>
    <row r="3" spans="2:20" ht="13.5" customHeight="1">
      <c r="B3" s="447"/>
      <c r="C3" s="447"/>
      <c r="D3" s="447"/>
      <c r="E3" s="447"/>
      <c r="F3" s="136"/>
      <c r="G3" s="86"/>
      <c r="H3" s="20"/>
      <c r="I3" s="86"/>
      <c r="J3" s="86"/>
      <c r="K3" s="86"/>
      <c r="L3" s="304"/>
      <c r="M3" s="86"/>
      <c r="N3" s="86"/>
      <c r="O3" s="86"/>
      <c r="P3" s="86"/>
      <c r="Q3" s="86"/>
      <c r="R3" s="86"/>
      <c r="S3" s="86"/>
    </row>
    <row r="4" spans="2:20" ht="13.5" customHeight="1">
      <c r="B4" s="447"/>
      <c r="C4" s="447"/>
      <c r="D4" s="447"/>
      <c r="E4" s="447"/>
      <c r="F4" s="86" t="s">
        <v>97</v>
      </c>
      <c r="G4" s="86"/>
      <c r="H4" s="20"/>
      <c r="I4" s="86"/>
      <c r="J4" s="86" t="s">
        <v>98</v>
      </c>
      <c r="K4" s="86"/>
      <c r="L4" s="304"/>
      <c r="M4" s="86"/>
      <c r="N4" s="86"/>
      <c r="O4" s="137"/>
      <c r="P4" s="86"/>
      <c r="Q4" s="86"/>
      <c r="R4" s="86"/>
      <c r="S4" s="86"/>
    </row>
    <row r="5" spans="2:20" ht="13.5" customHeight="1">
      <c r="B5" s="447"/>
      <c r="C5" s="447"/>
      <c r="D5" s="447"/>
      <c r="E5" s="447"/>
      <c r="F5" s="431" t="s">
        <v>70</v>
      </c>
      <c r="G5" s="431"/>
      <c r="H5" s="431"/>
      <c r="I5" s="86"/>
      <c r="J5" s="86" t="s">
        <v>483</v>
      </c>
      <c r="K5" s="86"/>
      <c r="L5" s="304"/>
      <c r="M5" s="86"/>
      <c r="N5" s="86"/>
      <c r="O5" s="86"/>
      <c r="P5" s="86"/>
      <c r="Q5" s="86"/>
      <c r="R5" s="86"/>
      <c r="S5" s="86"/>
    </row>
    <row r="6" spans="2:20" ht="13.5" customHeight="1">
      <c r="B6" s="301"/>
      <c r="C6" s="301"/>
      <c r="D6" s="301"/>
      <c r="E6" s="301"/>
      <c r="F6" s="86"/>
      <c r="G6" s="86"/>
      <c r="H6" s="20"/>
      <c r="I6" s="86"/>
      <c r="J6" s="86"/>
      <c r="K6" s="86"/>
      <c r="L6" s="304"/>
      <c r="M6" s="86"/>
      <c r="N6" s="86"/>
      <c r="O6" s="86"/>
      <c r="P6" s="86"/>
      <c r="Q6" s="86"/>
      <c r="R6" s="86"/>
      <c r="S6" s="86"/>
    </row>
    <row r="7" spans="2:20" ht="18.600000000000001" customHeight="1">
      <c r="B7" s="444" t="s">
        <v>68</v>
      </c>
      <c r="C7" s="444"/>
      <c r="D7" s="444"/>
      <c r="E7" s="444"/>
      <c r="F7" s="444"/>
      <c r="G7" s="444"/>
      <c r="H7" s="444"/>
      <c r="I7" s="444"/>
      <c r="J7" s="444"/>
      <c r="K7" s="444"/>
      <c r="L7" s="444"/>
      <c r="M7" s="444"/>
      <c r="N7" s="444"/>
      <c r="O7" s="444"/>
      <c r="P7" s="444"/>
      <c r="Q7" s="444"/>
      <c r="R7" s="444"/>
      <c r="S7" s="444"/>
      <c r="T7" s="14"/>
    </row>
    <row r="8" spans="2:20" ht="14.4">
      <c r="B8" s="281"/>
      <c r="C8" s="281"/>
      <c r="D8" s="281"/>
      <c r="E8" s="281"/>
      <c r="F8" s="281"/>
      <c r="G8" s="281"/>
      <c r="H8" s="281"/>
      <c r="I8" s="281"/>
      <c r="J8" s="281"/>
      <c r="K8" s="281"/>
      <c r="L8" s="281"/>
      <c r="M8" s="281"/>
      <c r="N8" s="281"/>
      <c r="O8" s="281"/>
      <c r="P8" s="281"/>
      <c r="Q8" s="281"/>
      <c r="R8" s="281"/>
      <c r="S8" s="281"/>
      <c r="T8" s="14"/>
    </row>
    <row r="9" spans="2:20" ht="19.2">
      <c r="B9" s="448" t="s">
        <v>386</v>
      </c>
      <c r="C9" s="449"/>
      <c r="D9" s="449"/>
      <c r="E9" s="141"/>
      <c r="F9" s="141"/>
      <c r="G9" s="141"/>
      <c r="H9" s="144"/>
      <c r="I9" s="141"/>
      <c r="J9" s="141"/>
      <c r="K9" s="141"/>
      <c r="L9" s="306"/>
      <c r="M9" s="141"/>
      <c r="N9" s="141"/>
      <c r="O9" s="141"/>
      <c r="P9" s="141"/>
      <c r="Q9" s="86"/>
      <c r="R9" s="86"/>
      <c r="S9" s="86"/>
      <c r="T9" s="14"/>
    </row>
    <row r="10" spans="2:20">
      <c r="B10" s="297" t="s">
        <v>1</v>
      </c>
      <c r="C10" s="126" t="s">
        <v>2</v>
      </c>
      <c r="D10" s="305" t="s">
        <v>3</v>
      </c>
      <c r="E10" s="143"/>
      <c r="F10" s="305" t="s">
        <v>4</v>
      </c>
      <c r="G10" s="143"/>
      <c r="H10" s="38" t="s">
        <v>60</v>
      </c>
      <c r="I10" s="145"/>
      <c r="J10" s="450" t="s">
        <v>102</v>
      </c>
      <c r="K10" s="450"/>
      <c r="L10" s="450"/>
      <c r="M10" s="137"/>
      <c r="N10" s="143"/>
      <c r="O10" s="143" t="s">
        <v>5</v>
      </c>
      <c r="P10" s="143"/>
      <c r="Q10" s="451" t="s">
        <v>6</v>
      </c>
      <c r="R10" s="451"/>
      <c r="S10" s="451"/>
    </row>
    <row r="11" spans="2:20">
      <c r="B11" s="139">
        <v>1</v>
      </c>
      <c r="C11" s="40"/>
      <c r="D11" s="41"/>
      <c r="E11" s="143"/>
      <c r="F11" s="42"/>
      <c r="G11" s="48"/>
      <c r="H11" s="42"/>
      <c r="I11" s="145"/>
      <c r="J11" s="419"/>
      <c r="K11" s="419"/>
      <c r="L11" s="419"/>
      <c r="M11" s="137"/>
      <c r="N11" s="143" t="s">
        <v>8</v>
      </c>
      <c r="O11" s="143"/>
      <c r="P11" s="143" t="s">
        <v>9</v>
      </c>
      <c r="Q11" s="138"/>
      <c r="R11" s="143" t="s">
        <v>10</v>
      </c>
      <c r="S11" s="143"/>
    </row>
    <row r="12" spans="2:20">
      <c r="B12" s="139">
        <v>2</v>
      </c>
      <c r="C12" s="356">
        <v>47</v>
      </c>
      <c r="D12" s="41" t="s">
        <v>155</v>
      </c>
      <c r="E12" s="261" t="s">
        <v>51</v>
      </c>
      <c r="F12" s="125" t="s">
        <v>134</v>
      </c>
      <c r="G12" s="261" t="s">
        <v>47</v>
      </c>
      <c r="H12" s="26">
        <v>1</v>
      </c>
      <c r="I12" s="262" t="s">
        <v>52</v>
      </c>
      <c r="J12" s="419"/>
      <c r="K12" s="419"/>
      <c r="L12" s="419"/>
      <c r="M12" s="137"/>
      <c r="N12" s="302" t="s">
        <v>8</v>
      </c>
      <c r="O12" s="139">
        <v>3</v>
      </c>
      <c r="P12" s="302" t="s">
        <v>9</v>
      </c>
      <c r="Q12" s="139">
        <v>15</v>
      </c>
      <c r="R12" s="302" t="s">
        <v>10</v>
      </c>
      <c r="S12" s="139">
        <v>7</v>
      </c>
    </row>
    <row r="13" spans="2:20">
      <c r="B13" s="139">
        <v>3</v>
      </c>
      <c r="C13" s="153">
        <v>102</v>
      </c>
      <c r="D13" s="208" t="s">
        <v>154</v>
      </c>
      <c r="E13" s="261" t="s">
        <v>51</v>
      </c>
      <c r="F13" s="125" t="s">
        <v>135</v>
      </c>
      <c r="G13" s="261" t="s">
        <v>47</v>
      </c>
      <c r="H13" s="26">
        <v>4</v>
      </c>
      <c r="I13" s="262" t="s">
        <v>52</v>
      </c>
      <c r="J13" s="446">
        <v>16.8</v>
      </c>
      <c r="K13" s="419"/>
      <c r="L13" s="419"/>
      <c r="M13" s="137"/>
      <c r="N13" s="302" t="s">
        <v>8</v>
      </c>
      <c r="O13" s="139">
        <v>4</v>
      </c>
      <c r="P13" s="139" t="s">
        <v>9</v>
      </c>
      <c r="Q13" s="139">
        <v>16</v>
      </c>
      <c r="R13" s="139" t="s">
        <v>10</v>
      </c>
      <c r="S13" s="139">
        <v>1</v>
      </c>
    </row>
    <row r="14" spans="2:20">
      <c r="B14" s="231">
        <v>4</v>
      </c>
      <c r="C14" s="251">
        <v>41</v>
      </c>
      <c r="D14" s="353" t="s">
        <v>153</v>
      </c>
      <c r="E14" s="261" t="s">
        <v>51</v>
      </c>
      <c r="F14" s="125" t="s">
        <v>134</v>
      </c>
      <c r="G14" s="261" t="s">
        <v>47</v>
      </c>
      <c r="H14" s="26">
        <v>4</v>
      </c>
      <c r="I14" s="262" t="s">
        <v>52</v>
      </c>
      <c r="J14" s="446">
        <v>14.32</v>
      </c>
      <c r="K14" s="419"/>
      <c r="L14" s="419"/>
      <c r="M14" s="137"/>
      <c r="N14" s="302" t="s">
        <v>8</v>
      </c>
      <c r="O14" s="139">
        <v>1</v>
      </c>
      <c r="P14" s="139" t="s">
        <v>9</v>
      </c>
      <c r="Q14" s="139">
        <v>14</v>
      </c>
      <c r="R14" s="139" t="s">
        <v>10</v>
      </c>
      <c r="S14" s="139">
        <v>6</v>
      </c>
    </row>
    <row r="15" spans="2:20">
      <c r="B15" s="139">
        <v>5</v>
      </c>
      <c r="C15" s="153">
        <v>115</v>
      </c>
      <c r="D15" s="208" t="s">
        <v>156</v>
      </c>
      <c r="E15" s="261" t="s">
        <v>51</v>
      </c>
      <c r="F15" s="125" t="s">
        <v>135</v>
      </c>
      <c r="G15" s="261" t="s">
        <v>47</v>
      </c>
      <c r="H15" s="26">
        <v>2</v>
      </c>
      <c r="I15" s="262" t="s">
        <v>52</v>
      </c>
      <c r="J15" s="446">
        <v>16.350000000000001</v>
      </c>
      <c r="K15" s="419"/>
      <c r="L15" s="419"/>
      <c r="M15" s="137"/>
      <c r="N15" s="302" t="s">
        <v>8</v>
      </c>
      <c r="O15" s="139">
        <v>2</v>
      </c>
      <c r="P15" s="139" t="s">
        <v>9</v>
      </c>
      <c r="Q15" s="139">
        <v>15</v>
      </c>
      <c r="R15" s="139" t="s">
        <v>10</v>
      </c>
      <c r="S15" s="139">
        <v>6</v>
      </c>
    </row>
    <row r="16" spans="2:20">
      <c r="B16" s="139">
        <v>6</v>
      </c>
      <c r="C16" s="153">
        <v>302</v>
      </c>
      <c r="D16" s="285" t="s">
        <v>150</v>
      </c>
      <c r="E16" s="261" t="s">
        <v>51</v>
      </c>
      <c r="F16" s="125" t="s">
        <v>135</v>
      </c>
      <c r="G16" s="261" t="s">
        <v>47</v>
      </c>
      <c r="H16" s="26" t="s">
        <v>152</v>
      </c>
      <c r="I16" s="262" t="s">
        <v>52</v>
      </c>
      <c r="J16" s="446">
        <v>18</v>
      </c>
      <c r="K16" s="419"/>
      <c r="L16" s="419"/>
      <c r="M16" s="137"/>
      <c r="N16" s="302" t="s">
        <v>8</v>
      </c>
      <c r="O16" s="139"/>
      <c r="P16" s="139" t="s">
        <v>9</v>
      </c>
      <c r="Q16" s="139"/>
      <c r="R16" s="139" t="s">
        <v>275</v>
      </c>
      <c r="S16" s="139"/>
    </row>
    <row r="17" spans="2:19">
      <c r="B17" s="139">
        <v>7</v>
      </c>
      <c r="C17" s="40"/>
      <c r="D17" s="41"/>
      <c r="E17" s="302"/>
      <c r="F17" s="42"/>
      <c r="G17" s="48"/>
      <c r="H17" s="42"/>
      <c r="I17" s="303"/>
      <c r="J17" s="419"/>
      <c r="K17" s="419"/>
      <c r="L17" s="419"/>
      <c r="M17" s="137"/>
      <c r="N17" s="302" t="s">
        <v>8</v>
      </c>
      <c r="O17" s="302"/>
      <c r="P17" s="302" t="s">
        <v>9</v>
      </c>
      <c r="Q17" s="138"/>
      <c r="R17" s="302" t="s">
        <v>10</v>
      </c>
      <c r="S17" s="302"/>
    </row>
    <row r="18" spans="2:19" ht="11.25" customHeight="1">
      <c r="B18" s="296"/>
      <c r="C18" s="20"/>
      <c r="D18" s="306"/>
      <c r="E18" s="86"/>
      <c r="F18" s="86"/>
      <c r="G18" s="137"/>
      <c r="H18" s="20"/>
      <c r="I18" s="147"/>
      <c r="J18" s="147"/>
      <c r="K18" s="147"/>
      <c r="L18" s="148"/>
      <c r="M18" s="86"/>
      <c r="N18" s="86"/>
      <c r="O18" s="86"/>
      <c r="P18" s="86"/>
      <c r="Q18" s="86"/>
      <c r="R18" s="86"/>
      <c r="S18" s="86"/>
    </row>
  </sheetData>
  <mergeCells count="13">
    <mergeCell ref="J17:L17"/>
    <mergeCell ref="J16:L16"/>
    <mergeCell ref="B1:E5"/>
    <mergeCell ref="F5:H5"/>
    <mergeCell ref="B7:S7"/>
    <mergeCell ref="B9:D9"/>
    <mergeCell ref="J10:L10"/>
    <mergeCell ref="Q10:S10"/>
    <mergeCell ref="J11:L11"/>
    <mergeCell ref="J12:L12"/>
    <mergeCell ref="J13:L13"/>
    <mergeCell ref="J14:L14"/>
    <mergeCell ref="J15:L15"/>
  </mergeCells>
  <phoneticPr fontId="33"/>
  <dataValidations count="1">
    <dataValidation imeMode="hiragana" allowBlank="1" showInputMessage="1" showErrorMessage="1" sqref="D11:D17"/>
  </dataValidations>
  <pageMargins left="0.78680555555555554" right="0.78680555555555554" top="0.98333333333333328" bottom="0.98333333333333328" header="0.51111111111111107" footer="0.51111111111111107"/>
  <pageSetup paperSize="9" firstPageNumber="4294963191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8"/>
  <sheetViews>
    <sheetView topLeftCell="A21" workbookViewId="0">
      <selection activeCell="J41" sqref="J41"/>
    </sheetView>
  </sheetViews>
  <sheetFormatPr defaultColWidth="13" defaultRowHeight="13.2"/>
  <cols>
    <col min="1" max="1" width="7.109375" style="4" customWidth="1"/>
    <col min="2" max="2" width="3.33203125" style="54" customWidth="1"/>
    <col min="3" max="3" width="6" style="55" customWidth="1"/>
    <col min="4" max="4" width="13.6640625" style="56" customWidth="1"/>
    <col min="5" max="5" width="1.109375" style="4" customWidth="1"/>
    <col min="6" max="6" width="8.33203125" style="4" customWidth="1"/>
    <col min="7" max="7" width="1.21875" style="4" customWidth="1"/>
    <col min="8" max="8" width="4.33203125" style="55" customWidth="1"/>
    <col min="9" max="9" width="1.44140625" style="4" customWidth="1"/>
    <col min="10" max="10" width="3.88671875" style="4" customWidth="1"/>
    <col min="11" max="11" width="1.109375" style="4" customWidth="1"/>
    <col min="12" max="12" width="5" style="56" customWidth="1"/>
    <col min="13" max="13" width="9.44140625" style="4" customWidth="1"/>
    <col min="14" max="14" width="1.109375" style="4" customWidth="1"/>
    <col min="15" max="15" width="4.44140625" style="4" customWidth="1"/>
    <col min="16" max="16" width="1.109375" style="4" customWidth="1"/>
    <col min="17" max="17" width="4.88671875" style="4" customWidth="1"/>
    <col min="18" max="18" width="1.109375" style="4" customWidth="1"/>
    <col min="19" max="19" width="4.88671875" style="4" customWidth="1"/>
    <col min="20" max="20" width="13" style="4" bestFit="1"/>
    <col min="21" max="16384" width="13" style="4"/>
  </cols>
  <sheetData>
    <row r="1" spans="2:20" ht="13.5" customHeight="1">
      <c r="B1" s="447" t="s">
        <v>25</v>
      </c>
      <c r="C1" s="447"/>
      <c r="D1" s="447"/>
      <c r="E1" s="447"/>
      <c r="F1" s="136"/>
      <c r="G1" s="86"/>
      <c r="H1" s="20"/>
      <c r="I1" s="86"/>
      <c r="J1" s="86"/>
      <c r="K1" s="86"/>
      <c r="L1" s="85"/>
      <c r="M1" s="86"/>
      <c r="N1" s="86"/>
      <c r="O1" s="86"/>
      <c r="P1" s="86"/>
      <c r="Q1" s="86"/>
      <c r="R1" s="86"/>
      <c r="S1" s="86"/>
    </row>
    <row r="2" spans="2:20" ht="13.5" customHeight="1">
      <c r="B2" s="447"/>
      <c r="C2" s="447"/>
      <c r="D2" s="447"/>
      <c r="E2" s="447"/>
      <c r="F2" s="136"/>
      <c r="G2" s="86"/>
      <c r="H2" s="20"/>
      <c r="I2" s="86"/>
      <c r="J2" s="86"/>
      <c r="K2" s="86"/>
      <c r="L2" s="85"/>
      <c r="M2" s="86"/>
      <c r="N2" s="86"/>
      <c r="O2" s="86"/>
      <c r="P2" s="86"/>
      <c r="Q2" s="86"/>
      <c r="R2" s="86"/>
      <c r="S2" s="86"/>
    </row>
    <row r="3" spans="2:20" ht="13.5" customHeight="1">
      <c r="B3" s="447"/>
      <c r="C3" s="447"/>
      <c r="D3" s="447"/>
      <c r="E3" s="447"/>
      <c r="F3" s="136"/>
      <c r="G3" s="86"/>
      <c r="H3" s="20"/>
      <c r="I3" s="86"/>
      <c r="J3" s="86"/>
      <c r="K3" s="86"/>
      <c r="L3" s="85"/>
      <c r="M3" s="86"/>
      <c r="N3" s="86"/>
      <c r="O3" s="86"/>
      <c r="P3" s="86"/>
      <c r="Q3" s="86"/>
      <c r="R3" s="86"/>
      <c r="S3" s="86"/>
    </row>
    <row r="4" spans="2:20" ht="13.5" customHeight="1">
      <c r="B4" s="447"/>
      <c r="C4" s="447"/>
      <c r="D4" s="447"/>
      <c r="E4" s="447"/>
      <c r="F4" s="86" t="s">
        <v>0</v>
      </c>
      <c r="G4" s="86"/>
      <c r="H4" s="20"/>
      <c r="I4" s="86"/>
      <c r="J4" s="86" t="s">
        <v>26</v>
      </c>
      <c r="K4" s="86"/>
      <c r="L4" s="85"/>
      <c r="M4" s="86"/>
      <c r="N4" s="86"/>
      <c r="O4" s="137"/>
      <c r="P4" s="86"/>
      <c r="Q4" s="86"/>
      <c r="R4" s="86"/>
      <c r="S4" s="86"/>
    </row>
    <row r="5" spans="2:20" ht="13.5" customHeight="1">
      <c r="B5" s="447"/>
      <c r="C5" s="447"/>
      <c r="D5" s="447"/>
      <c r="E5" s="447"/>
      <c r="F5" s="431" t="s">
        <v>70</v>
      </c>
      <c r="G5" s="431"/>
      <c r="H5" s="431"/>
      <c r="I5" s="86"/>
      <c r="J5" s="86" t="s">
        <v>76</v>
      </c>
      <c r="K5" s="86"/>
      <c r="L5" s="85"/>
      <c r="M5" s="86"/>
      <c r="N5" s="86"/>
      <c r="O5" s="86"/>
      <c r="P5" s="86"/>
      <c r="Q5" s="86"/>
      <c r="R5" s="86"/>
      <c r="S5" s="86"/>
    </row>
    <row r="6" spans="2:20" ht="13.5" customHeight="1">
      <c r="B6" s="284"/>
      <c r="C6" s="284"/>
      <c r="D6" s="284"/>
      <c r="E6" s="284"/>
      <c r="F6" s="86"/>
      <c r="G6" s="86"/>
      <c r="H6" s="20"/>
      <c r="I6" s="86"/>
      <c r="J6" s="86"/>
      <c r="K6" s="86"/>
      <c r="L6" s="85"/>
      <c r="M6" s="86"/>
      <c r="N6" s="86"/>
      <c r="O6" s="86"/>
      <c r="P6" s="86"/>
      <c r="Q6" s="86"/>
      <c r="R6" s="86"/>
      <c r="S6" s="86"/>
    </row>
    <row r="7" spans="2:20" ht="18.600000000000001" customHeight="1">
      <c r="B7" s="444" t="s">
        <v>68</v>
      </c>
      <c r="C7" s="444"/>
      <c r="D7" s="444"/>
      <c r="E7" s="444"/>
      <c r="F7" s="444"/>
      <c r="G7" s="444"/>
      <c r="H7" s="444"/>
      <c r="I7" s="444"/>
      <c r="J7" s="444"/>
      <c r="K7" s="444"/>
      <c r="L7" s="444"/>
      <c r="M7" s="444"/>
      <c r="N7" s="444"/>
      <c r="O7" s="444"/>
      <c r="P7" s="444"/>
      <c r="Q7" s="444"/>
      <c r="R7" s="444"/>
      <c r="S7" s="444"/>
      <c r="T7" s="14"/>
    </row>
    <row r="8" spans="2:20" ht="14.4">
      <c r="B8" s="281"/>
      <c r="C8" s="281"/>
      <c r="D8" s="281"/>
      <c r="E8" s="281"/>
      <c r="F8" s="281"/>
      <c r="G8" s="281"/>
      <c r="H8" s="281"/>
      <c r="I8" s="281"/>
      <c r="J8" s="281"/>
      <c r="K8" s="281"/>
      <c r="L8" s="281"/>
      <c r="M8" s="281"/>
      <c r="N8" s="281"/>
      <c r="O8" s="281"/>
      <c r="P8" s="281"/>
      <c r="Q8" s="281"/>
      <c r="R8" s="281"/>
      <c r="S8" s="281"/>
      <c r="T8" s="14"/>
    </row>
    <row r="9" spans="2:20" ht="19.2">
      <c r="B9" s="448" t="s">
        <v>64</v>
      </c>
      <c r="C9" s="449"/>
      <c r="D9" s="449"/>
      <c r="E9" s="141"/>
      <c r="F9" s="141"/>
      <c r="G9" s="141"/>
      <c r="H9" s="144"/>
      <c r="I9" s="141"/>
      <c r="J9" s="141"/>
      <c r="K9" s="141"/>
      <c r="L9" s="142"/>
      <c r="M9" s="141"/>
      <c r="N9" s="141"/>
      <c r="O9" s="141"/>
      <c r="P9" s="141"/>
      <c r="Q9" s="86"/>
      <c r="R9" s="86"/>
      <c r="S9" s="86"/>
      <c r="T9" s="14"/>
    </row>
    <row r="10" spans="2:20">
      <c r="B10" s="111" t="s">
        <v>1</v>
      </c>
      <c r="C10" s="126" t="s">
        <v>2</v>
      </c>
      <c r="D10" s="39" t="s">
        <v>3</v>
      </c>
      <c r="E10" s="143"/>
      <c r="F10" s="39" t="s">
        <v>4</v>
      </c>
      <c r="G10" s="143"/>
      <c r="H10" s="38" t="s">
        <v>60</v>
      </c>
      <c r="I10" s="145"/>
      <c r="J10" s="450" t="s">
        <v>100</v>
      </c>
      <c r="K10" s="450"/>
      <c r="L10" s="450"/>
      <c r="M10" s="137"/>
      <c r="N10" s="143"/>
      <c r="O10" s="143" t="s">
        <v>5</v>
      </c>
      <c r="P10" s="143"/>
      <c r="Q10" s="451" t="s">
        <v>6</v>
      </c>
      <c r="R10" s="451"/>
      <c r="S10" s="451"/>
    </row>
    <row r="11" spans="2:20">
      <c r="B11" s="139">
        <v>1</v>
      </c>
      <c r="C11" s="40"/>
      <c r="D11" s="41"/>
      <c r="E11" s="143"/>
      <c r="F11" s="42"/>
      <c r="G11" s="48"/>
      <c r="H11" s="42"/>
      <c r="I11" s="145"/>
      <c r="J11" s="419"/>
      <c r="K11" s="419"/>
      <c r="L11" s="419"/>
      <c r="M11" s="137"/>
      <c r="N11" s="143" t="s">
        <v>8</v>
      </c>
      <c r="O11" s="143"/>
      <c r="P11" s="143" t="s">
        <v>9</v>
      </c>
      <c r="Q11" s="138"/>
      <c r="R11" s="143" t="s">
        <v>10</v>
      </c>
      <c r="S11" s="143"/>
    </row>
    <row r="12" spans="2:20">
      <c r="B12" s="139">
        <v>2</v>
      </c>
      <c r="C12" s="40"/>
      <c r="D12" s="41"/>
      <c r="E12" s="140"/>
      <c r="F12" s="42"/>
      <c r="G12" s="48"/>
      <c r="H12" s="42"/>
      <c r="I12" s="146"/>
      <c r="J12" s="419"/>
      <c r="K12" s="419"/>
      <c r="L12" s="419"/>
      <c r="M12" s="137"/>
      <c r="N12" s="140" t="s">
        <v>8</v>
      </c>
      <c r="O12" s="140"/>
      <c r="P12" s="140" t="s">
        <v>9</v>
      </c>
      <c r="Q12" s="138"/>
      <c r="R12" s="140" t="s">
        <v>10</v>
      </c>
      <c r="S12" s="140"/>
    </row>
    <row r="13" spans="2:20">
      <c r="B13" s="139">
        <v>3</v>
      </c>
      <c r="C13" s="153">
        <v>102</v>
      </c>
      <c r="D13" s="208" t="s">
        <v>239</v>
      </c>
      <c r="E13" s="261" t="s">
        <v>51</v>
      </c>
      <c r="F13" s="125" t="s">
        <v>238</v>
      </c>
      <c r="G13" s="261" t="s">
        <v>47</v>
      </c>
      <c r="H13" s="26">
        <v>4</v>
      </c>
      <c r="I13" s="262" t="s">
        <v>52</v>
      </c>
      <c r="J13" s="446"/>
      <c r="K13" s="419"/>
      <c r="L13" s="419"/>
      <c r="M13" s="137"/>
      <c r="N13" s="140" t="s">
        <v>8</v>
      </c>
      <c r="O13" s="139">
        <v>2</v>
      </c>
      <c r="P13" s="139" t="s">
        <v>9</v>
      </c>
      <c r="Q13" s="139">
        <v>62</v>
      </c>
      <c r="R13" s="139" t="s">
        <v>10</v>
      </c>
      <c r="S13" s="139">
        <v>8</v>
      </c>
    </row>
    <row r="14" spans="2:20">
      <c r="B14" s="231">
        <v>4</v>
      </c>
      <c r="C14" s="251">
        <v>7</v>
      </c>
      <c r="D14" s="353" t="s">
        <v>133</v>
      </c>
      <c r="E14" s="261" t="s">
        <v>51</v>
      </c>
      <c r="F14" s="125" t="s">
        <v>236</v>
      </c>
      <c r="G14" s="261" t="s">
        <v>47</v>
      </c>
      <c r="H14" s="26">
        <v>2</v>
      </c>
      <c r="I14" s="262" t="s">
        <v>52</v>
      </c>
      <c r="J14" s="419"/>
      <c r="K14" s="419"/>
      <c r="L14" s="419"/>
      <c r="M14" s="137"/>
      <c r="N14" s="140" t="s">
        <v>8</v>
      </c>
      <c r="O14" s="139">
        <v>4</v>
      </c>
      <c r="P14" s="139" t="s">
        <v>9</v>
      </c>
      <c r="Q14" s="139">
        <v>71</v>
      </c>
      <c r="R14" s="139" t="s">
        <v>10</v>
      </c>
      <c r="S14" s="139">
        <v>4</v>
      </c>
    </row>
    <row r="15" spans="2:20">
      <c r="B15" s="139">
        <v>5</v>
      </c>
      <c r="C15" s="153">
        <v>45</v>
      </c>
      <c r="D15" s="208" t="s">
        <v>237</v>
      </c>
      <c r="E15" s="261" t="s">
        <v>51</v>
      </c>
      <c r="F15" s="125" t="s">
        <v>236</v>
      </c>
      <c r="G15" s="261" t="s">
        <v>47</v>
      </c>
      <c r="H15" s="26">
        <v>1</v>
      </c>
      <c r="I15" s="262" t="s">
        <v>52</v>
      </c>
      <c r="J15" s="446"/>
      <c r="K15" s="419"/>
      <c r="L15" s="419"/>
      <c r="M15" s="137"/>
      <c r="N15" s="140" t="s">
        <v>8</v>
      </c>
      <c r="O15" s="139">
        <v>3</v>
      </c>
      <c r="P15" s="139" t="s">
        <v>9</v>
      </c>
      <c r="Q15" s="139">
        <v>63</v>
      </c>
      <c r="R15" s="139" t="s">
        <v>10</v>
      </c>
      <c r="S15" s="139">
        <v>6</v>
      </c>
    </row>
    <row r="16" spans="2:20">
      <c r="B16" s="139">
        <v>6</v>
      </c>
      <c r="C16" s="153">
        <v>115</v>
      </c>
      <c r="D16" s="285" t="s">
        <v>240</v>
      </c>
      <c r="E16" s="261" t="s">
        <v>51</v>
      </c>
      <c r="F16" s="125" t="s">
        <v>238</v>
      </c>
      <c r="G16" s="261" t="s">
        <v>47</v>
      </c>
      <c r="H16" s="26">
        <v>2</v>
      </c>
      <c r="I16" s="262" t="s">
        <v>52</v>
      </c>
      <c r="J16" s="446"/>
      <c r="K16" s="419"/>
      <c r="L16" s="419"/>
      <c r="M16" s="137"/>
      <c r="N16" s="140" t="s">
        <v>8</v>
      </c>
      <c r="O16" s="139">
        <v>1</v>
      </c>
      <c r="P16" s="139" t="s">
        <v>9</v>
      </c>
      <c r="Q16" s="139">
        <v>60</v>
      </c>
      <c r="R16" s="139" t="s">
        <v>10</v>
      </c>
      <c r="S16" s="139">
        <v>6</v>
      </c>
    </row>
    <row r="17" spans="2:19">
      <c r="B17" s="139">
        <v>7</v>
      </c>
      <c r="C17" s="40"/>
      <c r="D17" s="41"/>
      <c r="E17" s="140"/>
      <c r="F17" s="42"/>
      <c r="G17" s="48"/>
      <c r="H17" s="42"/>
      <c r="I17" s="146"/>
      <c r="J17" s="419"/>
      <c r="K17" s="419"/>
      <c r="L17" s="419"/>
      <c r="M17" s="137"/>
      <c r="N17" s="140" t="s">
        <v>8</v>
      </c>
      <c r="O17" s="140"/>
      <c r="P17" s="140" t="s">
        <v>9</v>
      </c>
      <c r="Q17" s="138"/>
      <c r="R17" s="140" t="s">
        <v>10</v>
      </c>
      <c r="S17" s="140"/>
    </row>
    <row r="18" spans="2:19">
      <c r="B18" s="21"/>
      <c r="C18" s="20"/>
      <c r="D18" s="85"/>
      <c r="E18" s="86"/>
      <c r="F18" s="86"/>
      <c r="G18" s="86"/>
      <c r="H18" s="20"/>
      <c r="I18" s="147"/>
      <c r="J18" s="147"/>
      <c r="K18" s="147"/>
      <c r="L18" s="148"/>
      <c r="M18" s="137"/>
      <c r="N18" s="86"/>
      <c r="O18" s="86"/>
      <c r="P18" s="86"/>
      <c r="Q18" s="86"/>
      <c r="R18" s="86"/>
      <c r="S18" s="86"/>
    </row>
    <row r="19" spans="2:19" ht="19.2">
      <c r="B19" s="448" t="s">
        <v>65</v>
      </c>
      <c r="C19" s="452"/>
      <c r="D19" s="452"/>
      <c r="E19" s="141"/>
      <c r="F19" s="141"/>
      <c r="G19" s="141"/>
      <c r="H19" s="144"/>
      <c r="I19" s="149"/>
      <c r="J19" s="149"/>
      <c r="K19" s="149"/>
      <c r="L19" s="150"/>
      <c r="M19" s="141"/>
      <c r="N19" s="141"/>
      <c r="O19" s="141"/>
      <c r="P19" s="141"/>
      <c r="Q19" s="86"/>
      <c r="R19" s="86"/>
      <c r="S19" s="137"/>
    </row>
    <row r="20" spans="2:19">
      <c r="B20" s="111" t="s">
        <v>1</v>
      </c>
      <c r="C20" s="126" t="s">
        <v>2</v>
      </c>
      <c r="D20" s="39" t="s">
        <v>3</v>
      </c>
      <c r="E20" s="143"/>
      <c r="F20" s="39" t="s">
        <v>4</v>
      </c>
      <c r="G20" s="143"/>
      <c r="H20" s="38"/>
      <c r="I20" s="145"/>
      <c r="J20" s="450" t="s">
        <v>100</v>
      </c>
      <c r="K20" s="450"/>
      <c r="L20" s="450"/>
      <c r="M20" s="86"/>
      <c r="N20" s="143"/>
      <c r="O20" s="143" t="s">
        <v>5</v>
      </c>
      <c r="P20" s="143"/>
      <c r="Q20" s="451" t="s">
        <v>6</v>
      </c>
      <c r="R20" s="451"/>
      <c r="S20" s="451"/>
    </row>
    <row r="21" spans="2:19">
      <c r="B21" s="139">
        <v>1</v>
      </c>
      <c r="C21" s="40"/>
      <c r="D21" s="41"/>
      <c r="E21" s="143"/>
      <c r="F21" s="42"/>
      <c r="G21" s="48"/>
      <c r="H21" s="42"/>
      <c r="I21" s="145"/>
      <c r="J21" s="419"/>
      <c r="K21" s="419"/>
      <c r="L21" s="419"/>
      <c r="M21" s="137"/>
      <c r="N21" s="143" t="s">
        <v>8</v>
      </c>
      <c r="O21" s="143"/>
      <c r="P21" s="143" t="s">
        <v>9</v>
      </c>
      <c r="Q21" s="138"/>
      <c r="R21" s="143" t="s">
        <v>10</v>
      </c>
      <c r="S21" s="143"/>
    </row>
    <row r="22" spans="2:19">
      <c r="B22" s="139">
        <v>2</v>
      </c>
      <c r="C22" s="40">
        <v>301</v>
      </c>
      <c r="D22" s="328" t="s">
        <v>209</v>
      </c>
      <c r="E22" s="261" t="s">
        <v>51</v>
      </c>
      <c r="F22" s="125" t="s">
        <v>116</v>
      </c>
      <c r="G22" s="261" t="s">
        <v>47</v>
      </c>
      <c r="H22" s="26" t="s">
        <v>208</v>
      </c>
      <c r="I22" s="262" t="s">
        <v>52</v>
      </c>
      <c r="J22" s="419"/>
      <c r="K22" s="419"/>
      <c r="L22" s="419"/>
      <c r="M22" s="137"/>
      <c r="N22" s="140" t="s">
        <v>8</v>
      </c>
      <c r="O22" s="139">
        <v>2</v>
      </c>
      <c r="P22" s="140" t="s">
        <v>9</v>
      </c>
      <c r="Q22" s="139">
        <v>68</v>
      </c>
      <c r="R22" s="139" t="s">
        <v>10</v>
      </c>
      <c r="S22" s="139">
        <v>3</v>
      </c>
    </row>
    <row r="23" spans="2:19">
      <c r="B23" s="139">
        <v>3</v>
      </c>
      <c r="C23" s="40">
        <v>306</v>
      </c>
      <c r="D23" s="41" t="s">
        <v>145</v>
      </c>
      <c r="E23" s="261" t="s">
        <v>51</v>
      </c>
      <c r="F23" s="125" t="s">
        <v>116</v>
      </c>
      <c r="G23" s="261" t="s">
        <v>47</v>
      </c>
      <c r="H23" s="26" t="s">
        <v>146</v>
      </c>
      <c r="I23" s="262" t="s">
        <v>52</v>
      </c>
      <c r="J23" s="419"/>
      <c r="K23" s="419"/>
      <c r="L23" s="419"/>
      <c r="M23" s="137"/>
      <c r="N23" s="140" t="s">
        <v>8</v>
      </c>
      <c r="O23" s="139">
        <v>1</v>
      </c>
      <c r="P23" s="140" t="s">
        <v>9</v>
      </c>
      <c r="Q23" s="139">
        <v>61</v>
      </c>
      <c r="R23" s="139" t="s">
        <v>10</v>
      </c>
      <c r="S23" s="139">
        <v>0</v>
      </c>
    </row>
    <row r="24" spans="2:19">
      <c r="B24" s="139">
        <v>4</v>
      </c>
      <c r="C24" s="40"/>
      <c r="D24" s="328"/>
      <c r="E24" s="261"/>
      <c r="F24" s="125"/>
      <c r="G24" s="261"/>
      <c r="H24" s="26"/>
      <c r="I24" s="262"/>
      <c r="M24" s="137"/>
      <c r="N24" s="140" t="s">
        <v>8</v>
      </c>
      <c r="O24" s="139"/>
      <c r="P24" s="140" t="s">
        <v>9</v>
      </c>
      <c r="Q24" s="139"/>
      <c r="R24" s="139" t="s">
        <v>10</v>
      </c>
      <c r="S24" s="139"/>
    </row>
    <row r="25" spans="2:19">
      <c r="B25" s="139">
        <v>5</v>
      </c>
      <c r="C25" s="40"/>
      <c r="D25" s="41"/>
      <c r="E25" s="261"/>
      <c r="F25" s="125"/>
      <c r="G25" s="261"/>
      <c r="H25" s="26"/>
      <c r="I25" s="262"/>
      <c r="J25" s="419"/>
      <c r="K25" s="419"/>
      <c r="L25" s="419"/>
      <c r="M25" s="137"/>
      <c r="N25" s="140" t="s">
        <v>8</v>
      </c>
      <c r="O25" s="139"/>
      <c r="P25" s="140" t="s">
        <v>9</v>
      </c>
      <c r="Q25" s="139"/>
      <c r="R25" s="139" t="s">
        <v>10</v>
      </c>
      <c r="S25" s="139"/>
    </row>
    <row r="26" spans="2:19">
      <c r="B26" s="139">
        <v>6</v>
      </c>
      <c r="C26" s="40">
        <v>6</v>
      </c>
      <c r="D26" s="41" t="s">
        <v>160</v>
      </c>
      <c r="E26" s="261" t="s">
        <v>51</v>
      </c>
      <c r="F26" s="125" t="s">
        <v>114</v>
      </c>
      <c r="G26" s="261" t="s">
        <v>47</v>
      </c>
      <c r="H26" s="26">
        <v>2</v>
      </c>
      <c r="I26" s="262" t="s">
        <v>52</v>
      </c>
      <c r="J26" s="419"/>
      <c r="K26" s="419"/>
      <c r="L26" s="419"/>
      <c r="M26" s="137"/>
      <c r="N26" s="140" t="s">
        <v>8</v>
      </c>
      <c r="O26" s="139">
        <v>3</v>
      </c>
      <c r="P26" s="140" t="s">
        <v>9</v>
      </c>
      <c r="Q26" s="139">
        <v>70</v>
      </c>
      <c r="R26" s="139" t="s">
        <v>10</v>
      </c>
      <c r="S26" s="139">
        <v>0</v>
      </c>
    </row>
    <row r="27" spans="2:19">
      <c r="B27" s="139">
        <v>7</v>
      </c>
      <c r="C27" s="40"/>
      <c r="D27" s="41"/>
      <c r="E27" s="140"/>
      <c r="F27" s="42"/>
      <c r="G27" s="48"/>
      <c r="H27" s="42"/>
      <c r="I27" s="146"/>
      <c r="J27" s="419"/>
      <c r="K27" s="419"/>
      <c r="L27" s="419"/>
      <c r="M27" s="137"/>
      <c r="N27" s="140" t="s">
        <v>8</v>
      </c>
      <c r="O27" s="140"/>
      <c r="P27" s="140" t="s">
        <v>9</v>
      </c>
      <c r="Q27" s="138"/>
      <c r="R27" s="140" t="s">
        <v>10</v>
      </c>
      <c r="S27" s="140"/>
    </row>
    <row r="28" spans="2:19">
      <c r="B28" s="21"/>
      <c r="C28" s="20"/>
      <c r="D28" s="85"/>
      <c r="E28" s="86"/>
      <c r="F28" s="86"/>
      <c r="G28" s="86"/>
      <c r="H28" s="20"/>
      <c r="I28" s="147"/>
      <c r="J28" s="151"/>
      <c r="K28" s="151"/>
      <c r="L28" s="152"/>
      <c r="M28" s="86"/>
      <c r="N28" s="86"/>
      <c r="O28" s="86"/>
      <c r="P28" s="86"/>
      <c r="Q28" s="86"/>
      <c r="R28" s="86"/>
      <c r="S28" s="86"/>
    </row>
  </sheetData>
  <mergeCells count="22">
    <mergeCell ref="F5:H5"/>
    <mergeCell ref="B1:E5"/>
    <mergeCell ref="J22:L22"/>
    <mergeCell ref="J23:L23"/>
    <mergeCell ref="J25:L25"/>
    <mergeCell ref="B7:S7"/>
    <mergeCell ref="B9:D9"/>
    <mergeCell ref="J10:L10"/>
    <mergeCell ref="Q10:S10"/>
    <mergeCell ref="J11:L11"/>
    <mergeCell ref="Q20:S20"/>
    <mergeCell ref="B19:D19"/>
    <mergeCell ref="J12:L12"/>
    <mergeCell ref="J14:L14"/>
    <mergeCell ref="J13:L13"/>
    <mergeCell ref="J26:L26"/>
    <mergeCell ref="J27:L27"/>
    <mergeCell ref="J20:L20"/>
    <mergeCell ref="J17:L17"/>
    <mergeCell ref="J15:L15"/>
    <mergeCell ref="J21:L21"/>
    <mergeCell ref="J16:L16"/>
  </mergeCells>
  <phoneticPr fontId="33"/>
  <dataValidations count="1">
    <dataValidation imeMode="hiragana" allowBlank="1" showInputMessage="1" showErrorMessage="1" sqref="D11:D12 D14:D17"/>
  </dataValidations>
  <pageMargins left="0.78680555555555554" right="0.78680555555555554" top="0.98333333333333328" bottom="0.98333333333333328" header="0.51111111111111107" footer="0.51111111111111107"/>
  <pageSetup paperSize="9" firstPageNumber="4294963191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N34"/>
  <sheetViews>
    <sheetView topLeftCell="D8" zoomScaleNormal="100" workbookViewId="0">
      <selection activeCell="K13" sqref="K13"/>
    </sheetView>
  </sheetViews>
  <sheetFormatPr defaultColWidth="9" defaultRowHeight="12.75" customHeight="1"/>
  <cols>
    <col min="1" max="1" width="7.109375" style="97" customWidth="1"/>
    <col min="2" max="2" width="5.6640625" style="97" customWidth="1"/>
    <col min="3" max="3" width="14.6640625" style="97" customWidth="1"/>
    <col min="4" max="4" width="2.6640625" style="98" customWidth="1"/>
    <col min="5" max="5" width="9" style="97" customWidth="1"/>
    <col min="6" max="6" width="5.6640625" style="97" customWidth="1"/>
    <col min="7" max="7" width="14.6640625" style="97" customWidth="1"/>
    <col min="8" max="8" width="2.6640625" style="98" customWidth="1"/>
    <col min="9" max="9" width="7.6640625" style="97" customWidth="1"/>
    <col min="10" max="10" width="5.6640625" style="97" customWidth="1"/>
    <col min="11" max="11" width="14.6640625" style="97" customWidth="1"/>
    <col min="12" max="12" width="2.6640625" style="98" customWidth="1"/>
    <col min="13" max="13" width="9" style="97" bestFit="1"/>
    <col min="14" max="16384" width="9" style="97"/>
  </cols>
  <sheetData>
    <row r="2" spans="2:14" ht="12.75" customHeight="1">
      <c r="B2" s="453" t="s">
        <v>49</v>
      </c>
      <c r="C2" s="453"/>
      <c r="D2" s="453"/>
      <c r="E2" s="453"/>
      <c r="F2" s="99"/>
      <c r="G2" s="99"/>
      <c r="I2" s="99"/>
      <c r="J2" s="99"/>
      <c r="K2" s="96"/>
      <c r="M2" s="57"/>
      <c r="N2" s="57"/>
    </row>
    <row r="3" spans="2:14" ht="12.75" customHeight="1">
      <c r="B3" s="453"/>
      <c r="C3" s="453"/>
      <c r="D3" s="453"/>
      <c r="E3" s="453"/>
      <c r="M3" s="57"/>
      <c r="N3" s="57"/>
    </row>
    <row r="4" spans="2:14" ht="12.75" customHeight="1">
      <c r="B4" s="453"/>
      <c r="C4" s="453"/>
      <c r="D4" s="453"/>
      <c r="E4" s="453"/>
      <c r="F4" s="155" t="s">
        <v>109</v>
      </c>
      <c r="G4" s="155"/>
      <c r="H4" s="156"/>
      <c r="I4" s="157"/>
      <c r="J4" s="157"/>
      <c r="K4" s="158"/>
      <c r="L4" s="156"/>
      <c r="M4" s="57"/>
      <c r="N4" s="57"/>
    </row>
    <row r="5" spans="2:14" ht="12.6" customHeight="1">
      <c r="B5" s="453"/>
      <c r="C5" s="453"/>
      <c r="D5" s="453"/>
      <c r="E5" s="453"/>
      <c r="F5" s="170" t="s">
        <v>110</v>
      </c>
      <c r="M5" s="57"/>
      <c r="N5" s="57"/>
    </row>
    <row r="6" spans="2:14" ht="12.75" customHeight="1">
      <c r="B6" s="454"/>
      <c r="C6" s="454"/>
      <c r="D6" s="454"/>
      <c r="E6" s="454"/>
      <c r="F6" s="155" t="s">
        <v>91</v>
      </c>
      <c r="G6" s="158"/>
      <c r="H6" s="158"/>
      <c r="I6" s="158"/>
      <c r="J6" s="158"/>
      <c r="K6" s="158"/>
      <c r="L6" s="158"/>
      <c r="M6" s="57"/>
      <c r="N6" s="57"/>
    </row>
    <row r="7" spans="2:14" ht="17.25" customHeight="1">
      <c r="B7" s="440"/>
      <c r="C7" s="440"/>
      <c r="D7" s="440"/>
      <c r="E7" s="440"/>
      <c r="F7" s="440"/>
      <c r="G7" s="440"/>
      <c r="H7" s="440"/>
      <c r="I7" s="440"/>
      <c r="J7" s="440"/>
      <c r="K7" s="440"/>
      <c r="L7" s="440"/>
      <c r="M7" s="159"/>
      <c r="N7" s="159"/>
    </row>
    <row r="8" spans="2:14" ht="13.2" customHeight="1">
      <c r="B8" s="104"/>
      <c r="C8" s="282"/>
      <c r="D8" s="104"/>
      <c r="E8" s="104"/>
      <c r="F8" s="104"/>
      <c r="G8" s="104"/>
      <c r="H8" s="104"/>
      <c r="I8" s="104"/>
      <c r="J8" s="104"/>
      <c r="K8" s="104"/>
      <c r="L8" s="104"/>
      <c r="M8" s="159"/>
      <c r="N8" s="159"/>
    </row>
    <row r="9" spans="2:14" ht="19.2" customHeight="1">
      <c r="B9" s="104" t="s">
        <v>387</v>
      </c>
      <c r="C9" s="120"/>
      <c r="D9" s="109"/>
      <c r="E9" s="108"/>
      <c r="F9" s="108"/>
      <c r="G9" s="108"/>
      <c r="H9" s="109"/>
      <c r="I9" s="108"/>
      <c r="J9" s="108"/>
      <c r="K9" s="107"/>
      <c r="L9" s="109"/>
      <c r="M9" s="110"/>
      <c r="N9" s="110"/>
    </row>
    <row r="10" spans="2:14" ht="12.75" customHeight="1">
      <c r="B10" s="160" t="s">
        <v>27</v>
      </c>
      <c r="C10" s="161"/>
      <c r="D10" s="162"/>
      <c r="E10" s="163"/>
      <c r="F10" s="160" t="s">
        <v>28</v>
      </c>
      <c r="G10" s="160"/>
      <c r="H10" s="162"/>
      <c r="I10" s="164"/>
      <c r="J10" s="160" t="s">
        <v>29</v>
      </c>
      <c r="K10" s="165" t="s">
        <v>227</v>
      </c>
      <c r="L10" s="162"/>
      <c r="M10" s="57"/>
      <c r="N10" s="57"/>
    </row>
    <row r="11" spans="2:14" ht="12.75" customHeight="1">
      <c r="B11" s="40"/>
      <c r="C11" s="41"/>
      <c r="D11" s="168"/>
      <c r="E11" s="167"/>
      <c r="F11" s="153"/>
      <c r="G11" s="154"/>
      <c r="H11" s="166"/>
      <c r="I11" s="164"/>
      <c r="J11" s="153">
        <v>115</v>
      </c>
      <c r="K11" s="316" t="s">
        <v>240</v>
      </c>
      <c r="L11" s="346">
        <v>3</v>
      </c>
      <c r="M11" s="57"/>
      <c r="N11" s="57"/>
    </row>
    <row r="12" spans="2:14" ht="12.75" customHeight="1">
      <c r="B12" s="40"/>
      <c r="C12" s="41"/>
      <c r="D12" s="168"/>
      <c r="E12" s="167"/>
      <c r="F12" s="153"/>
      <c r="G12" s="154"/>
      <c r="H12" s="166"/>
      <c r="I12" s="164"/>
      <c r="J12" s="153">
        <v>107</v>
      </c>
      <c r="K12" s="316" t="s">
        <v>561</v>
      </c>
      <c r="L12" s="346">
        <v>2</v>
      </c>
      <c r="M12" s="57"/>
      <c r="N12" s="57"/>
    </row>
    <row r="13" spans="2:14" ht="12.75" customHeight="1">
      <c r="B13" s="40"/>
      <c r="C13" s="154"/>
      <c r="D13" s="166"/>
      <c r="E13" s="167"/>
      <c r="F13" s="153"/>
      <c r="G13" s="234"/>
      <c r="H13" s="233"/>
      <c r="I13" s="164"/>
      <c r="J13" s="246">
        <v>121</v>
      </c>
      <c r="K13" s="316" t="s">
        <v>252</v>
      </c>
      <c r="L13" s="346">
        <v>1</v>
      </c>
      <c r="M13" s="57"/>
      <c r="N13" s="57"/>
    </row>
    <row r="14" spans="2:14" ht="12.75" customHeight="1">
      <c r="B14" s="40"/>
      <c r="C14" s="41"/>
      <c r="D14" s="168"/>
      <c r="E14" s="167"/>
      <c r="F14" s="153"/>
      <c r="G14" s="236"/>
      <c r="H14" s="235"/>
      <c r="I14" s="164"/>
      <c r="J14" s="246">
        <v>121</v>
      </c>
      <c r="K14" s="316" t="s">
        <v>260</v>
      </c>
      <c r="L14" s="346">
        <v>4</v>
      </c>
      <c r="M14" s="57"/>
      <c r="N14" s="57"/>
    </row>
    <row r="15" spans="2:14" ht="12.75" customHeight="1">
      <c r="B15" s="40"/>
      <c r="C15" s="41"/>
      <c r="D15" s="168"/>
      <c r="E15" s="167"/>
      <c r="F15" s="153"/>
      <c r="G15" s="154"/>
      <c r="H15" s="166"/>
      <c r="I15" s="164"/>
      <c r="J15" s="153">
        <v>114</v>
      </c>
      <c r="K15" s="316" t="s">
        <v>242</v>
      </c>
      <c r="L15" s="346"/>
      <c r="M15" s="57"/>
      <c r="N15" s="57"/>
    </row>
    <row r="16" spans="2:14" ht="12.75" customHeight="1">
      <c r="B16" s="40"/>
      <c r="C16" s="154"/>
      <c r="D16" s="168"/>
      <c r="E16" s="167"/>
      <c r="F16" s="40"/>
      <c r="G16" s="154"/>
      <c r="H16" s="166"/>
      <c r="I16" s="164"/>
      <c r="J16" s="153">
        <v>117</v>
      </c>
      <c r="K16" s="347" t="s">
        <v>241</v>
      </c>
      <c r="L16" s="346"/>
      <c r="M16" s="57"/>
      <c r="N16" s="57"/>
    </row>
    <row r="17" spans="2:14" ht="12.75" customHeight="1">
      <c r="B17" s="157"/>
      <c r="C17" s="163"/>
      <c r="D17" s="169"/>
      <c r="E17" s="163"/>
      <c r="F17" s="169"/>
      <c r="G17" s="163"/>
      <c r="H17" s="169"/>
      <c r="I17" s="164"/>
      <c r="J17" s="170"/>
      <c r="K17" s="158"/>
      <c r="L17" s="157"/>
      <c r="M17" s="57"/>
      <c r="N17" s="57"/>
    </row>
    <row r="18" spans="2:14" ht="12.75" customHeight="1">
      <c r="B18" s="160" t="s">
        <v>30</v>
      </c>
      <c r="C18" s="160" t="s">
        <v>226</v>
      </c>
      <c r="D18" s="171"/>
      <c r="E18" s="163"/>
      <c r="F18" s="160" t="s">
        <v>31</v>
      </c>
      <c r="G18" s="160" t="s">
        <v>389</v>
      </c>
      <c r="H18" s="171"/>
      <c r="I18" s="163"/>
      <c r="J18" s="160" t="s">
        <v>32</v>
      </c>
      <c r="K18" s="165" t="s">
        <v>390</v>
      </c>
      <c r="L18" s="171"/>
      <c r="M18" s="57"/>
      <c r="N18" s="57"/>
    </row>
    <row r="19" spans="2:14" ht="12.75" customHeight="1">
      <c r="B19" s="153">
        <v>24</v>
      </c>
      <c r="C19" s="154" t="s">
        <v>223</v>
      </c>
      <c r="D19" s="166"/>
      <c r="E19" s="163"/>
      <c r="F19" s="153">
        <v>15</v>
      </c>
      <c r="G19" s="41" t="s">
        <v>365</v>
      </c>
      <c r="H19" s="168">
        <v>1</v>
      </c>
      <c r="I19" s="163"/>
      <c r="J19" s="153">
        <v>201</v>
      </c>
      <c r="K19" s="41" t="s">
        <v>327</v>
      </c>
      <c r="L19" s="168">
        <v>1</v>
      </c>
      <c r="M19" s="57"/>
      <c r="N19" s="57"/>
    </row>
    <row r="20" spans="2:14" ht="12.75" customHeight="1">
      <c r="B20" s="153">
        <v>41</v>
      </c>
      <c r="C20" s="154" t="s">
        <v>153</v>
      </c>
      <c r="D20" s="166">
        <v>2</v>
      </c>
      <c r="E20" s="163"/>
      <c r="F20" s="153">
        <v>9</v>
      </c>
      <c r="G20" s="41" t="s">
        <v>144</v>
      </c>
      <c r="H20" s="168">
        <v>2</v>
      </c>
      <c r="I20" s="163"/>
      <c r="J20" s="153">
        <v>204</v>
      </c>
      <c r="K20" s="41" t="s">
        <v>329</v>
      </c>
      <c r="L20" s="168">
        <v>2</v>
      </c>
      <c r="M20" s="57"/>
      <c r="N20"/>
    </row>
    <row r="21" spans="2:14" ht="12.75" customHeight="1">
      <c r="B21" s="153">
        <v>18</v>
      </c>
      <c r="C21" s="154" t="s">
        <v>142</v>
      </c>
      <c r="D21" s="166">
        <v>3</v>
      </c>
      <c r="E21" s="163"/>
      <c r="F21" s="153">
        <v>17</v>
      </c>
      <c r="G21" s="154" t="s">
        <v>148</v>
      </c>
      <c r="H21" s="166">
        <v>3</v>
      </c>
      <c r="I21" s="163"/>
      <c r="J21" s="153">
        <v>215</v>
      </c>
      <c r="K21" s="154" t="s">
        <v>391</v>
      </c>
      <c r="L21" s="166">
        <v>3</v>
      </c>
      <c r="M21" s="57"/>
      <c r="N21"/>
    </row>
    <row r="22" spans="2:14" ht="12.75" customHeight="1">
      <c r="B22" s="153">
        <v>3</v>
      </c>
      <c r="C22" s="154" t="s">
        <v>224</v>
      </c>
      <c r="D22" s="166">
        <v>4</v>
      </c>
      <c r="E22" s="163"/>
      <c r="F22" s="153">
        <v>31</v>
      </c>
      <c r="G22" s="41" t="s">
        <v>147</v>
      </c>
      <c r="H22" s="168">
        <v>4</v>
      </c>
      <c r="I22" s="163"/>
      <c r="J22" s="153">
        <v>213</v>
      </c>
      <c r="K22" s="41" t="s">
        <v>392</v>
      </c>
      <c r="L22" s="168">
        <v>4</v>
      </c>
      <c r="M22" s="57"/>
      <c r="N22" s="57"/>
    </row>
    <row r="23" spans="2:14" ht="12.75" customHeight="1">
      <c r="B23" s="153">
        <v>35</v>
      </c>
      <c r="C23" s="154" t="s">
        <v>141</v>
      </c>
      <c r="D23" s="166">
        <v>1</v>
      </c>
      <c r="E23" s="163"/>
      <c r="F23" s="153"/>
      <c r="G23" s="41"/>
      <c r="H23" s="168"/>
      <c r="I23" s="163"/>
      <c r="J23" s="40"/>
      <c r="K23" s="41"/>
      <c r="L23" s="168"/>
      <c r="M23" s="57"/>
      <c r="N23" s="57"/>
    </row>
    <row r="24" spans="2:14" ht="12.75" customHeight="1">
      <c r="B24" s="153">
        <v>40</v>
      </c>
      <c r="C24" s="245" t="s">
        <v>225</v>
      </c>
      <c r="D24" s="166"/>
      <c r="E24" s="163"/>
      <c r="F24" s="153"/>
      <c r="G24" s="154"/>
      <c r="H24" s="168"/>
      <c r="I24" s="163"/>
      <c r="J24" s="40"/>
      <c r="K24" s="154"/>
      <c r="L24" s="168"/>
      <c r="M24" s="57"/>
      <c r="N24" s="57"/>
    </row>
    <row r="25" spans="2:14" ht="12.75" customHeight="1">
      <c r="B25" s="157"/>
      <c r="C25" s="163"/>
      <c r="D25" s="172"/>
      <c r="E25" s="163"/>
      <c r="F25" s="169"/>
      <c r="G25" s="163"/>
      <c r="H25" s="172"/>
      <c r="I25" s="164"/>
      <c r="J25" s="170"/>
      <c r="K25" s="158"/>
      <c r="L25" s="156"/>
      <c r="M25" s="57"/>
      <c r="N25" s="57"/>
    </row>
    <row r="26" spans="2:14" ht="12.75" customHeight="1">
      <c r="B26" s="160" t="s">
        <v>33</v>
      </c>
      <c r="C26" s="160"/>
      <c r="D26" s="162"/>
      <c r="E26" s="170"/>
      <c r="F26" s="157" t="s">
        <v>5</v>
      </c>
      <c r="G26" s="173" t="s">
        <v>34</v>
      </c>
      <c r="H26" s="158"/>
      <c r="I26" s="158"/>
      <c r="J26" s="158" t="s">
        <v>6</v>
      </c>
      <c r="K26" s="158"/>
      <c r="L26" s="156"/>
      <c r="M26" s="57"/>
      <c r="N26" s="57"/>
    </row>
    <row r="27" spans="2:14" ht="12.75" customHeight="1">
      <c r="B27" s="40"/>
      <c r="C27" s="41"/>
      <c r="D27" s="168"/>
      <c r="E27" s="170"/>
      <c r="F27" s="174">
        <v>1</v>
      </c>
      <c r="G27" s="455" t="s">
        <v>393</v>
      </c>
      <c r="H27" s="455"/>
      <c r="I27" s="455"/>
      <c r="J27" s="366">
        <v>43.5</v>
      </c>
      <c r="K27" s="158"/>
      <c r="L27" s="156"/>
      <c r="M27" s="57"/>
      <c r="N27" s="57"/>
    </row>
    <row r="28" spans="2:14" ht="12.75" customHeight="1">
      <c r="B28" s="40"/>
      <c r="C28" s="41"/>
      <c r="D28" s="168"/>
      <c r="E28" s="170"/>
      <c r="F28" s="175">
        <v>2</v>
      </c>
      <c r="G28" s="456" t="s">
        <v>395</v>
      </c>
      <c r="H28" s="456"/>
      <c r="I28" s="456"/>
      <c r="J28" s="366">
        <v>43.7</v>
      </c>
      <c r="K28" s="158"/>
      <c r="L28" s="156"/>
      <c r="M28" s="57"/>
      <c r="N28" s="57"/>
    </row>
    <row r="29" spans="2:14" ht="12.75" customHeight="1">
      <c r="B29" s="40"/>
      <c r="C29" s="154"/>
      <c r="D29" s="166"/>
      <c r="E29" s="170"/>
      <c r="F29" s="175">
        <v>3</v>
      </c>
      <c r="G29" s="456" t="s">
        <v>394</v>
      </c>
      <c r="H29" s="456"/>
      <c r="I29" s="456"/>
      <c r="J29" s="366">
        <v>44.8</v>
      </c>
      <c r="K29" s="158"/>
      <c r="L29" s="156"/>
      <c r="M29" s="57"/>
      <c r="N29" s="57"/>
    </row>
    <row r="30" spans="2:14" ht="12.75" customHeight="1">
      <c r="B30" s="40"/>
      <c r="C30" s="41"/>
      <c r="D30" s="168"/>
      <c r="E30" s="170"/>
      <c r="F30" s="175">
        <v>4</v>
      </c>
      <c r="G30" s="456" t="s">
        <v>388</v>
      </c>
      <c r="H30" s="456"/>
      <c r="I30" s="456"/>
      <c r="J30" s="366">
        <v>45.1</v>
      </c>
      <c r="K30" s="158"/>
      <c r="L30" s="156"/>
      <c r="M30" s="57"/>
      <c r="N30" s="57"/>
    </row>
    <row r="31" spans="2:14" ht="12.75" customHeight="1">
      <c r="B31" s="40"/>
      <c r="C31" s="41"/>
      <c r="D31" s="168"/>
      <c r="E31" s="170"/>
      <c r="F31" s="175">
        <v>5</v>
      </c>
      <c r="G31" s="175"/>
      <c r="H31" s="366"/>
      <c r="I31" s="366"/>
      <c r="J31" s="366"/>
      <c r="K31" s="158"/>
      <c r="L31" s="156"/>
      <c r="M31" s="57"/>
      <c r="N31" s="57"/>
    </row>
    <row r="32" spans="2:14" ht="12.75" customHeight="1">
      <c r="B32" s="40"/>
      <c r="C32" s="154"/>
      <c r="D32" s="168"/>
      <c r="E32" s="170"/>
      <c r="F32" s="175">
        <v>6</v>
      </c>
      <c r="G32" s="175"/>
      <c r="H32" s="366"/>
      <c r="I32" s="366"/>
      <c r="J32" s="366"/>
      <c r="K32" s="158"/>
      <c r="L32" s="156"/>
      <c r="M32" s="57"/>
      <c r="N32" s="57"/>
    </row>
    <row r="33" spans="2:14" ht="12.75" customHeight="1">
      <c r="B33" s="157"/>
      <c r="C33" s="163"/>
      <c r="D33" s="169"/>
      <c r="E33" s="163"/>
      <c r="F33" s="175">
        <v>7</v>
      </c>
      <c r="G33" s="175"/>
      <c r="H33" s="366"/>
      <c r="I33" s="366"/>
      <c r="J33" s="366"/>
      <c r="K33" s="158"/>
      <c r="L33" s="156"/>
      <c r="M33" s="57"/>
      <c r="N33" s="57"/>
    </row>
    <row r="34" spans="2:14" ht="12.75" customHeight="1">
      <c r="B34" s="99"/>
      <c r="C34" s="112"/>
      <c r="D34" s="92"/>
      <c r="E34" s="112"/>
      <c r="F34" s="57"/>
      <c r="G34" s="57"/>
      <c r="H34" s="94"/>
      <c r="I34" s="92"/>
      <c r="J34" s="92"/>
      <c r="K34" s="96"/>
      <c r="M34" s="57"/>
      <c r="N34" s="57"/>
    </row>
  </sheetData>
  <mergeCells count="6">
    <mergeCell ref="G30:I30"/>
    <mergeCell ref="B2:E6"/>
    <mergeCell ref="B7:L7"/>
    <mergeCell ref="G27:I27"/>
    <mergeCell ref="G28:I28"/>
    <mergeCell ref="G29:I29"/>
  </mergeCells>
  <phoneticPr fontId="33"/>
  <pageMargins left="0.39305555555555555" right="0.39305555555555555" top="0.39305555555555555" bottom="0.39305555555555555" header="0.39305555555555555" footer="0.39305555555555555"/>
  <pageSetup paperSize="9" firstPageNumber="429496319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57255200</TotalTime>
  <Pages>0</Pages>
  <Words>0</Words>
  <Characters>0</Characters>
  <Application>Microsoft Excel</Application>
  <DocSecurity>0</DocSecurity>
  <PresentationFormat/>
  <Lines>0</Lines>
  <Paragraphs>0</Paragraphs>
  <Slides>0</Slides>
  <Notes>0</Notes>
  <HiddenSlides>0</HiddenSlides>
  <MMClips>0</MMClips>
  <ScaleCrop>false</ScaleCrop>
  <HeadingPairs>
    <vt:vector size="4" baseType="variant">
      <vt:variant>
        <vt:lpstr>ワークシート</vt:lpstr>
      </vt:variant>
      <vt:variant>
        <vt:i4>13</vt:i4>
      </vt:variant>
      <vt:variant>
        <vt:lpstr>名前付き一覧</vt:lpstr>
      </vt:variant>
      <vt:variant>
        <vt:i4>13</vt:i4>
      </vt:variant>
    </vt:vector>
  </HeadingPairs>
  <TitlesOfParts>
    <vt:vector size="26" baseType="lpstr">
      <vt:lpstr>100m</vt:lpstr>
      <vt:lpstr>200m</vt:lpstr>
      <vt:lpstr>400m </vt:lpstr>
      <vt:lpstr>800m </vt:lpstr>
      <vt:lpstr>1500ｍ</vt:lpstr>
      <vt:lpstr>5000m</vt:lpstr>
      <vt:lpstr>110mH</vt:lpstr>
      <vt:lpstr>400mH </vt:lpstr>
      <vt:lpstr>4x100m </vt:lpstr>
      <vt:lpstr>4x400m </vt:lpstr>
      <vt:lpstr>走高跳 </vt:lpstr>
      <vt:lpstr>走幅跳</vt:lpstr>
      <vt:lpstr>砲丸投 </vt:lpstr>
      <vt:lpstr>'100m'!Print_Area</vt:lpstr>
      <vt:lpstr>'110mH'!Print_Area</vt:lpstr>
      <vt:lpstr>'1500ｍ'!Print_Area</vt:lpstr>
      <vt:lpstr>'200m'!Print_Area</vt:lpstr>
      <vt:lpstr>'400m '!Print_Area</vt:lpstr>
      <vt:lpstr>'400mH '!Print_Area</vt:lpstr>
      <vt:lpstr>'4x100m '!Print_Area</vt:lpstr>
      <vt:lpstr>'4x400m '!Print_Area</vt:lpstr>
      <vt:lpstr>'5000m'!Print_Area</vt:lpstr>
      <vt:lpstr>'800m '!Print_Area</vt:lpstr>
      <vt:lpstr>'走高跳 '!Print_Area</vt:lpstr>
      <vt:lpstr>走幅跳!Print_Area</vt:lpstr>
      <vt:lpstr>'砲丸投 '!Print_Area</vt:lpstr>
    </vt:vector>
  </TitlesOfParts>
  <LinksUpToDate>false</LinksUpToDate>
  <CharactersWithSpaces>0</CharactersWithSpaces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tsushi</dc:creator>
  <cp:lastModifiedBy>tomoch</cp:lastModifiedBy>
  <cp:revision/>
  <cp:lastPrinted>2017-05-11T15:10:51Z</cp:lastPrinted>
  <dcterms:created xsi:type="dcterms:W3CDTF">2011-09-11T05:08:32Z</dcterms:created>
  <dcterms:modified xsi:type="dcterms:W3CDTF">2017-06-02T07:22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41-6.6.0.2724</vt:lpwstr>
  </property>
</Properties>
</file>